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5921403\AppData\Local\Microsoft\Windows\INetCache\Content.Outlook\JF5OI0SL\"/>
    </mc:Choice>
  </mc:AlternateContent>
  <bookViews>
    <workbookView xWindow="0" yWindow="0" windowWidth="19200" windowHeight="11370"/>
  </bookViews>
  <sheets>
    <sheet name="2大阪市" sheetId="4"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6" uniqueCount="310">
  <si>
    <t xml:space="preserve">      ６. 個人情報保護の観点から、対象となる職員数が1人又は2人の場合、「給料月額(百円)」及び「一人当たり平均給料月額(百円)」を「アスタリスク(＊)」としている。（その他、数値のない欄については、すべてハイフン(-)としている。）</t>
    <phoneticPr fontId="5"/>
  </si>
  <si>
    <t xml:space="preserve">      ５. 面積については、調査対象年度の10月1日現在の市区町村、都道府県、全国の状況をとりまとめた「全国都道府県市区町村別面積調」（国土地理院）による。</t>
    <rPh sb="9" eb="11">
      <t>メンセキ</t>
    </rPh>
    <rPh sb="17" eb="19">
      <t>チョウサ</t>
    </rPh>
    <rPh sb="19" eb="21">
      <t>タイショウ</t>
    </rPh>
    <rPh sb="21" eb="23">
      <t>ネンド</t>
    </rPh>
    <rPh sb="26" eb="27">
      <t>ガツ</t>
    </rPh>
    <rPh sb="28" eb="29">
      <t>ニチ</t>
    </rPh>
    <rPh sb="29" eb="31">
      <t>ゲンザイ</t>
    </rPh>
    <rPh sb="32" eb="34">
      <t>シク</t>
    </rPh>
    <rPh sb="34" eb="36">
      <t>チョウソン</t>
    </rPh>
    <rPh sb="37" eb="41">
      <t>トドウフケン</t>
    </rPh>
    <rPh sb="42" eb="44">
      <t>ゼンコク</t>
    </rPh>
    <rPh sb="45" eb="47">
      <t>ジョウキョウ</t>
    </rPh>
    <rPh sb="55" eb="57">
      <t>ゼンコク</t>
    </rPh>
    <rPh sb="57" eb="61">
      <t>トドウフケン</t>
    </rPh>
    <rPh sb="61" eb="63">
      <t>シク</t>
    </rPh>
    <rPh sb="63" eb="65">
      <t>チョウソン</t>
    </rPh>
    <rPh sb="65" eb="66">
      <t>ベツ</t>
    </rPh>
    <rPh sb="66" eb="68">
      <t>メンセキ</t>
    </rPh>
    <rPh sb="68" eb="69">
      <t>チョウ</t>
    </rPh>
    <rPh sb="71" eb="73">
      <t>コクド</t>
    </rPh>
    <rPh sb="73" eb="75">
      <t>チリ</t>
    </rPh>
    <rPh sb="75" eb="76">
      <t>イン</t>
    </rPh>
    <phoneticPr fontId="5"/>
  </si>
  <si>
    <t>　　　４．人口については、調査対象年度の1月1日現在の住民基本台帳に登載されている人口に基づいている。</t>
    <rPh sb="5" eb="7">
      <t>ジンコウ</t>
    </rPh>
    <rPh sb="13" eb="15">
      <t>チョウサ</t>
    </rPh>
    <rPh sb="15" eb="17">
      <t>タイショウ</t>
    </rPh>
    <rPh sb="17" eb="19">
      <t>ネンド</t>
    </rPh>
    <rPh sb="44" eb="45">
      <t>モト</t>
    </rPh>
    <phoneticPr fontId="7"/>
  </si>
  <si>
    <t>　　　３．産業構造の比率は分母を就業人口総数とし、分類不能の産業を除いて算出。</t>
    <rPh sb="5" eb="7">
      <t>サンギョウ</t>
    </rPh>
    <phoneticPr fontId="5"/>
  </si>
  <si>
    <t>2</t>
    <phoneticPr fontId="5"/>
  </si>
  <si>
    <t xml:space="preserve">      ２．東京都特別区における基準財政収入額及び基準財政需要額は、特別区財政調整交付金の算出に要した値であり、財政力指数は、前記の基準財政需要額及び基準財政収入額により算出。</t>
    <phoneticPr fontId="5"/>
  </si>
  <si>
    <t>（注）１．普通建設事業費の補助事業費には受託事業費のうちの補助事業費を含み、単独事業費には同級他団体施行事業負担金及び受託事業費のうちの単独事業費を含む。</t>
  </si>
  <si>
    <t>純固定資産税</t>
  </si>
  <si>
    <t>]</t>
  </si>
  <si>
    <t>(％)</t>
  </si>
  <si>
    <t>保険給付費</t>
  </si>
  <si>
    <t>その他</t>
    <phoneticPr fontId="5"/>
  </si>
  <si>
    <t>千円</t>
  </si>
  <si>
    <t>歳出合計</t>
  </si>
  <si>
    <t>市町村民税</t>
  </si>
  <si>
    <t>-</t>
    <phoneticPr fontId="5"/>
  </si>
  <si>
    <t>国庫支出金</t>
  </si>
  <si>
    <t>国民健康保険</t>
    <phoneticPr fontId="5"/>
  </si>
  <si>
    <t>歳 入 一 般 財 源 等</t>
  </si>
  <si>
    <t>-</t>
    <phoneticPr fontId="5"/>
  </si>
  <si>
    <t>失業対策事業費</t>
  </si>
  <si>
    <t>計</t>
    <rPh sb="0" eb="1">
      <t>ケイ</t>
    </rPh>
    <phoneticPr fontId="5"/>
  </si>
  <si>
    <t>・</t>
    <phoneticPr fontId="5"/>
  </si>
  <si>
    <t>現年</t>
    <rPh sb="0" eb="2">
      <t>ゲンネン</t>
    </rPh>
    <phoneticPr fontId="5"/>
  </si>
  <si>
    <t>保険税(料)収入額</t>
  </si>
  <si>
    <t>{</t>
  </si>
  <si>
    <t>被保険者
１人当り</t>
    <phoneticPr fontId="5"/>
  </si>
  <si>
    <t>市場</t>
    <phoneticPr fontId="5"/>
  </si>
  <si>
    <t>　及び臨時財政対策債除く)</t>
    <rPh sb="1" eb="2">
      <t>オヨ</t>
    </rPh>
    <rPh sb="3" eb="5">
      <t>リンジ</t>
    </rPh>
    <rPh sb="5" eb="7">
      <t>ザイセイ</t>
    </rPh>
    <rPh sb="7" eb="9">
      <t>タイサク</t>
    </rPh>
    <rPh sb="9" eb="10">
      <t>サイ</t>
    </rPh>
    <rPh sb="10" eb="11">
      <t>ノゾ</t>
    </rPh>
    <phoneticPr fontId="5"/>
  </si>
  <si>
    <t>災害復旧事業費</t>
  </si>
  <si>
    <t>合 計</t>
  </si>
  <si>
    <t>[</t>
  </si>
  <si>
    <t>徴収率</t>
  </si>
  <si>
    <t>被保険者数(人)</t>
  </si>
  <si>
    <t>交通</t>
    <phoneticPr fontId="5"/>
  </si>
  <si>
    <t>(減収補塡債(特例分)</t>
    <rPh sb="1" eb="3">
      <t>ゲンシュウ</t>
    </rPh>
    <rPh sb="3" eb="5">
      <t>ホテン</t>
    </rPh>
    <rPh sb="5" eb="6">
      <t>サイ</t>
    </rPh>
    <rPh sb="7" eb="9">
      <t>トクレイ</t>
    </rPh>
    <rPh sb="9" eb="10">
      <t>ブン</t>
    </rPh>
    <phoneticPr fontId="5"/>
  </si>
  <si>
    <t>うち単独</t>
  </si>
  <si>
    <t>土地開発基金現在高</t>
  </si>
  <si>
    <t>加入世帯数(世帯)</t>
  </si>
  <si>
    <t>宅地造成</t>
    <phoneticPr fontId="5"/>
  </si>
  <si>
    <t>)</t>
    <phoneticPr fontId="5"/>
  </si>
  <si>
    <t>％</t>
  </si>
  <si>
    <t>(</t>
    <phoneticPr fontId="5"/>
  </si>
  <si>
    <t>うち補助</t>
  </si>
  <si>
    <t>内　訳</t>
  </si>
  <si>
    <t>収益事業収入</t>
  </si>
  <si>
    <t>再差引収支</t>
  </si>
  <si>
    <t>下水道</t>
    <phoneticPr fontId="5"/>
  </si>
  <si>
    <t>経 常 収 支 比 率</t>
  </si>
  <si>
    <t>普通建設事業費</t>
  </si>
  <si>
    <t>-</t>
    <phoneticPr fontId="5"/>
  </si>
  <si>
    <t>実質的なもの</t>
  </si>
  <si>
    <t>実 質 収 支</t>
  </si>
  <si>
    <t>国民健康保険事業</t>
    <phoneticPr fontId="5"/>
  </si>
  <si>
    <t>会計の状況</t>
    <phoneticPr fontId="5"/>
  </si>
  <si>
    <t>合計</t>
  </si>
  <si>
    <t>公営事業等への
繰出</t>
    <phoneticPr fontId="5"/>
  </si>
  <si>
    <t>千円</t>
    <phoneticPr fontId="5"/>
  </si>
  <si>
    <t>うち人件費</t>
  </si>
  <si>
    <t>そ の 他</t>
  </si>
  <si>
    <t>経常経費充当一般財源等計</t>
    <phoneticPr fontId="5"/>
  </si>
  <si>
    <t>投資的経費</t>
  </si>
  <si>
    <t>保証・補償</t>
  </si>
  <si>
    <t>-</t>
    <phoneticPr fontId="5"/>
  </si>
  <si>
    <t>-</t>
    <phoneticPr fontId="5"/>
  </si>
  <si>
    <t>前年度繰上充用金</t>
  </si>
  <si>
    <t>物件等購入</t>
  </si>
  <si>
    <t>債務負担行為額
（支出予定額）</t>
    <rPh sb="0" eb="2">
      <t>サイム</t>
    </rPh>
    <rPh sb="2" eb="4">
      <t>フタン</t>
    </rPh>
    <rPh sb="4" eb="6">
      <t>コウイ</t>
    </rPh>
    <rPh sb="6" eb="7">
      <t>ガク</t>
    </rPh>
    <phoneticPr fontId="5"/>
  </si>
  <si>
    <t>-</t>
    <phoneticPr fontId="5"/>
  </si>
  <si>
    <t>投資・出資金・貸付金</t>
  </si>
  <si>
    <t>地方債現在高</t>
  </si>
  <si>
    <t>諸支出金</t>
    <rPh sb="3" eb="4">
      <t>キン</t>
    </rPh>
    <phoneticPr fontId="5"/>
  </si>
  <si>
    <t>-</t>
    <phoneticPr fontId="5"/>
  </si>
  <si>
    <t>積立金</t>
  </si>
  <si>
    <t>特定目的</t>
    <phoneticPr fontId="5"/>
  </si>
  <si>
    <t>-</t>
    <phoneticPr fontId="5"/>
  </si>
  <si>
    <t>公債費</t>
  </si>
  <si>
    <t>繰出金</t>
  </si>
  <si>
    <t>減 債</t>
    <phoneticPr fontId="5"/>
  </si>
  <si>
    <t>災害復旧費</t>
  </si>
  <si>
    <t>うち一部事務組合負担金</t>
  </si>
  <si>
    <t>財調</t>
    <rPh sb="0" eb="1">
      <t>ザイ</t>
    </rPh>
    <rPh sb="1" eb="2">
      <t>チョウ</t>
    </rPh>
    <phoneticPr fontId="5"/>
  </si>
  <si>
    <t>積立金
現在高</t>
    <rPh sb="0" eb="2">
      <t>ツミタテ</t>
    </rPh>
    <rPh sb="2" eb="3">
      <t>キン</t>
    </rPh>
    <rPh sb="4" eb="6">
      <t>ゲンザイ</t>
    </rPh>
    <rPh sb="6" eb="7">
      <t>ダカ</t>
    </rPh>
    <phoneticPr fontId="5"/>
  </si>
  <si>
    <t>教育費</t>
    <phoneticPr fontId="5"/>
  </si>
  <si>
    <t>補助費等</t>
  </si>
  <si>
    <t>将来負担比率</t>
  </si>
  <si>
    <t>消防費</t>
  </si>
  <si>
    <t>維持補修費</t>
  </si>
  <si>
    <t>実質公債費比率</t>
  </si>
  <si>
    <t>土木費</t>
  </si>
  <si>
    <t>物件費</t>
  </si>
  <si>
    <t>-</t>
    <phoneticPr fontId="5"/>
  </si>
  <si>
    <t>連結実質赤字比率</t>
  </si>
  <si>
    <t>商工費</t>
    <rPh sb="0" eb="1">
      <t>ショウ</t>
    </rPh>
    <rPh sb="1" eb="2">
      <t>コウ</t>
    </rPh>
    <rPh sb="2" eb="3">
      <t>ヒ</t>
    </rPh>
    <phoneticPr fontId="5"/>
  </si>
  <si>
    <t>(義務的経費計)</t>
  </si>
  <si>
    <t>実質赤字比率</t>
  </si>
  <si>
    <t>健全化
判断比率</t>
    <phoneticPr fontId="5"/>
  </si>
  <si>
    <t>農林水産業費</t>
  </si>
  <si>
    <t>一時借入金利子</t>
    <rPh sb="0" eb="2">
      <t>イチジ</t>
    </rPh>
    <rPh sb="2" eb="4">
      <t>カリイレ</t>
    </rPh>
    <rPh sb="4" eb="6">
      <t>キンリ</t>
    </rPh>
    <rPh sb="6" eb="7">
      <t>コ</t>
    </rPh>
    <phoneticPr fontId="5"/>
  </si>
  <si>
    <t>公債費負担比率</t>
  </si>
  <si>
    <t>労働費</t>
  </si>
  <si>
    <t>利子</t>
  </si>
  <si>
    <t>実質収支比率</t>
  </si>
  <si>
    <t>衛生費</t>
  </si>
  <si>
    <t>元金</t>
  </si>
  <si>
    <t>元利償還金</t>
    <phoneticPr fontId="5"/>
  </si>
  <si>
    <t>内訳</t>
    <phoneticPr fontId="5"/>
  </si>
  <si>
    <t>財政力指数</t>
  </si>
  <si>
    <t>民生費</t>
  </si>
  <si>
    <t>標準財政規模</t>
  </si>
  <si>
    <t>総務費</t>
  </si>
  <si>
    <t>扶助費</t>
  </si>
  <si>
    <t>標準税収入額等</t>
  </si>
  <si>
    <t>議会費</t>
  </si>
  <si>
    <t>うち職員給</t>
  </si>
  <si>
    <t>基準財政需要額</t>
  </si>
  <si>
    <t>充当一般財源等</t>
  </si>
  <si>
    <t>人件費</t>
  </si>
  <si>
    <t>基準財政収入額</t>
  </si>
  <si>
    <t>(Ａ)の</t>
    <phoneticPr fontId="5"/>
  </si>
  <si>
    <t>(Ａ)のうち</t>
    <phoneticPr fontId="5"/>
  </si>
  <si>
    <t>構成比</t>
  </si>
  <si>
    <t>決 算 額(Ａ)</t>
    <phoneticPr fontId="5"/>
  </si>
  <si>
    <t>区 分</t>
  </si>
  <si>
    <t>経常収支比率</t>
  </si>
  <si>
    <t>経常経費充当一般財源等</t>
    <phoneticPr fontId="5"/>
  </si>
  <si>
    <t>決算額</t>
  </si>
  <si>
    <t>区分</t>
  </si>
  <si>
    <t>平成２９年度(千円)</t>
    <phoneticPr fontId="5"/>
  </si>
  <si>
    <t>平成３０年度(千円)</t>
    <phoneticPr fontId="5"/>
  </si>
  <si>
    <t>区分</t>
    <rPh sb="0" eb="2">
      <t>クブン</t>
    </rPh>
    <phoneticPr fontId="5"/>
  </si>
  <si>
    <t>(単位：千円･％)</t>
    <phoneticPr fontId="5"/>
  </si>
  <si>
    <t>目的別歳出の状況</t>
  </si>
  <si>
    <t>性質別歳出の状況</t>
  </si>
  <si>
    <t>歳入合計</t>
  </si>
  <si>
    <t>-</t>
    <phoneticPr fontId="5"/>
  </si>
  <si>
    <t>うち臨時財政対策債</t>
  </si>
  <si>
    <t>-</t>
    <phoneticPr fontId="5"/>
  </si>
  <si>
    <t>うち減収補塡債(特例分)</t>
  </si>
  <si>
    <t>地方債</t>
  </si>
  <si>
    <t>諸収入</t>
  </si>
  <si>
    <t>繰越金</t>
  </si>
  <si>
    <t>繰入金</t>
  </si>
  <si>
    <t>○</t>
    <phoneticPr fontId="5"/>
  </si>
  <si>
    <t>その他</t>
  </si>
  <si>
    <t>×</t>
    <phoneticPr fontId="5"/>
  </si>
  <si>
    <t>伝染病</t>
  </si>
  <si>
    <t>合 　計</t>
  </si>
  <si>
    <t>寄附金</t>
  </si>
  <si>
    <t>27.04.30</t>
    <phoneticPr fontId="5"/>
  </si>
  <si>
    <t>議会議員</t>
  </si>
  <si>
    <t>×</t>
    <phoneticPr fontId="5"/>
  </si>
  <si>
    <t>中学校</t>
  </si>
  <si>
    <t>老人福祉</t>
  </si>
  <si>
    <t>旧法による税</t>
  </si>
  <si>
    <t>財 産 収 入</t>
  </si>
  <si>
    <t>27.04.30</t>
    <phoneticPr fontId="5"/>
  </si>
  <si>
    <t>議会副議長</t>
  </si>
  <si>
    <t>×</t>
    <phoneticPr fontId="5"/>
  </si>
  <si>
    <t>小学校</t>
  </si>
  <si>
    <t>税務事務</t>
  </si>
  <si>
    <t>法定外目的税</t>
  </si>
  <si>
    <t>都道府県支出金</t>
  </si>
  <si>
    <t>議会議長</t>
    <phoneticPr fontId="5"/>
  </si>
  <si>
    <t>常備消防</t>
  </si>
  <si>
    <t>事務機共同</t>
  </si>
  <si>
    <t>水利地益税等</t>
  </si>
  <si>
    <t>(特別区財調交付金)</t>
  </si>
  <si>
    <t>28.04.01</t>
    <phoneticPr fontId="5"/>
  </si>
  <si>
    <t>教育長</t>
  </si>
  <si>
    <t>火葬場</t>
  </si>
  <si>
    <t>退職手当</t>
  </si>
  <si>
    <t>都市計画税</t>
  </si>
  <si>
    <t>国有提供交付金</t>
  </si>
  <si>
    <t>28.01.01</t>
    <phoneticPr fontId="5"/>
  </si>
  <si>
    <t>副市区町村長</t>
  </si>
  <si>
    <t>ごみ処理</t>
  </si>
  <si>
    <t>非常勤公務災害</t>
  </si>
  <si>
    <t>事業所税</t>
    <rPh sb="0" eb="3">
      <t>ジギョウショ</t>
    </rPh>
    <rPh sb="3" eb="4">
      <t>ゼイ</t>
    </rPh>
    <phoneticPr fontId="5"/>
  </si>
  <si>
    <t>国庫支出金</t>
    <rPh sb="0" eb="2">
      <t>コッコ</t>
    </rPh>
    <rPh sb="2" eb="5">
      <t>シシュツキン</t>
    </rPh>
    <phoneticPr fontId="5"/>
  </si>
  <si>
    <t>31.03.22</t>
    <phoneticPr fontId="5"/>
  </si>
  <si>
    <t>市区町村長</t>
  </si>
  <si>
    <t>し尿処理</t>
  </si>
  <si>
    <t>議員公務災害</t>
  </si>
  <si>
    <t>入湯税</t>
  </si>
  <si>
    <t>内訳</t>
  </si>
  <si>
    <t>手数料</t>
  </si>
  <si>
    <t>法定目的税</t>
  </si>
  <si>
    <t>使用料</t>
  </si>
  <si>
    <t>一人当たり平均給料
（報酬）月額（百円）</t>
    <phoneticPr fontId="5"/>
  </si>
  <si>
    <t>適用開始年月日</t>
  </si>
  <si>
    <t>定数</t>
  </si>
  <si>
    <t>特別職等</t>
  </si>
  <si>
    <t>一部事務組合加入の状況</t>
  </si>
  <si>
    <t>目的税</t>
  </si>
  <si>
    <t>分担金・負担金</t>
  </si>
  <si>
    <t>ラスパイレス指数</t>
    <rPh sb="6" eb="8">
      <t>シスウ</t>
    </rPh>
    <phoneticPr fontId="5"/>
  </si>
  <si>
    <t>法定外普通税</t>
  </si>
  <si>
    <t>交通安全対策特別交付金</t>
  </si>
  <si>
    <t>特別土地保有税</t>
  </si>
  <si>
    <t>(一般財源計)</t>
  </si>
  <si>
    <t>臨時職員</t>
  </si>
  <si>
    <t>鉱産税</t>
  </si>
  <si>
    <t>震災復興特別交付税</t>
  </si>
  <si>
    <t>教育公務員</t>
  </si>
  <si>
    <t>市町村たばこ税</t>
  </si>
  <si>
    <t>特別交付税</t>
  </si>
  <si>
    <t>うち技能労務員</t>
  </si>
  <si>
    <t>×</t>
    <phoneticPr fontId="5"/>
  </si>
  <si>
    <t>財源超過</t>
  </si>
  <si>
    <t>軽自動車税</t>
  </si>
  <si>
    <t>普通交付税</t>
  </si>
  <si>
    <t>内訳</t>
    <rPh sb="0" eb="2">
      <t>ウチワケ</t>
    </rPh>
    <phoneticPr fontId="5"/>
  </si>
  <si>
    <t>うち消防職員</t>
  </si>
  <si>
    <t>○</t>
    <phoneticPr fontId="5"/>
  </si>
  <si>
    <t>指数表選定</t>
  </si>
  <si>
    <t>うち純固定資産税</t>
  </si>
  <si>
    <t>地方交付税</t>
  </si>
  <si>
    <t>一般職員</t>
  </si>
  <si>
    <t>一般職員等</t>
  </si>
  <si>
    <t>×</t>
    <phoneticPr fontId="5"/>
  </si>
  <si>
    <t>財政健全化等</t>
  </si>
  <si>
    <t>固定資産税</t>
  </si>
  <si>
    <t>地方特例交付金</t>
  </si>
  <si>
    <t>中部</t>
  </si>
  <si>
    <t>法人税割</t>
  </si>
  <si>
    <t>軽油引取税交付金</t>
  </si>
  <si>
    <t>一人当たり平均
給料月額(百円)</t>
    <phoneticPr fontId="5"/>
  </si>
  <si>
    <t>給料月額
(百円)</t>
    <phoneticPr fontId="5"/>
  </si>
  <si>
    <t>職員数(人)</t>
  </si>
  <si>
    <t>区　　　分</t>
  </si>
  <si>
    <t>近畿</t>
  </si>
  <si>
    <t>-</t>
    <phoneticPr fontId="5"/>
  </si>
  <si>
    <t>法人均等割</t>
  </si>
  <si>
    <t>自動車取得税交付金</t>
  </si>
  <si>
    <t>実質単年度収支</t>
    <phoneticPr fontId="5"/>
  </si>
  <si>
    <t>首都</t>
  </si>
  <si>
    <t>所得割</t>
  </si>
  <si>
    <t>特別地方消費税交付金</t>
  </si>
  <si>
    <t>積立金取崩し額</t>
    <phoneticPr fontId="5"/>
  </si>
  <si>
    <t>過疎</t>
  </si>
  <si>
    <t>個人均等割</t>
  </si>
  <si>
    <t>ゴルフ場利用税交付金</t>
  </si>
  <si>
    <t>繰上償還金</t>
    <phoneticPr fontId="5"/>
  </si>
  <si>
    <t>山振</t>
  </si>
  <si>
    <t>地方消費税交付金</t>
  </si>
  <si>
    <t>積立金</t>
    <phoneticPr fontId="5"/>
  </si>
  <si>
    <t>旧産炭</t>
  </si>
  <si>
    <t>法定普通税</t>
  </si>
  <si>
    <t>道府県民税所得割臨時交付金</t>
    <rPh sb="0" eb="3">
      <t>ドウフケン</t>
    </rPh>
    <rPh sb="3" eb="4">
      <t>ミン</t>
    </rPh>
    <rPh sb="4" eb="5">
      <t>ゼイ</t>
    </rPh>
    <rPh sb="5" eb="7">
      <t>ショトク</t>
    </rPh>
    <rPh sb="7" eb="8">
      <t>ワリ</t>
    </rPh>
    <rPh sb="8" eb="10">
      <t>リンジ</t>
    </rPh>
    <rPh sb="10" eb="13">
      <t>コウフキン</t>
    </rPh>
    <phoneticPr fontId="5"/>
  </si>
  <si>
    <t>単年度収支</t>
    <phoneticPr fontId="5"/>
  </si>
  <si>
    <t>低開発</t>
  </si>
  <si>
    <t>普通税</t>
  </si>
  <si>
    <t>分離課税所得割交付金</t>
    <rPh sb="0" eb="2">
      <t>ブンリ</t>
    </rPh>
    <rPh sb="2" eb="4">
      <t>カゼイ</t>
    </rPh>
    <rPh sb="4" eb="6">
      <t>ショトク</t>
    </rPh>
    <rPh sb="6" eb="7">
      <t>ワリ</t>
    </rPh>
    <rPh sb="7" eb="10">
      <t>コウフキン</t>
    </rPh>
    <phoneticPr fontId="5"/>
  </si>
  <si>
    <t>実質収支</t>
    <phoneticPr fontId="5"/>
  </si>
  <si>
    <t>旧工特</t>
  </si>
  <si>
    <t>株式等譲渡所得割交付金</t>
  </si>
  <si>
    <t>翌年度に繰越すべき財源</t>
    <phoneticPr fontId="5"/>
  </si>
  <si>
    <t>旧新産</t>
  </si>
  <si>
    <t>超過課税分</t>
  </si>
  <si>
    <t>収入済額</t>
  </si>
  <si>
    <t>配当割交付金</t>
  </si>
  <si>
    <t>歳入歳出差引</t>
    <rPh sb="0" eb="2">
      <t>サイニュウ</t>
    </rPh>
    <rPh sb="2" eb="4">
      <t>サイシュツ</t>
    </rPh>
    <rPh sb="4" eb="6">
      <t>サシヒキ</t>
    </rPh>
    <phoneticPr fontId="5"/>
  </si>
  <si>
    <t>利子割交付金</t>
    <rPh sb="0" eb="2">
      <t>リシ</t>
    </rPh>
    <rPh sb="2" eb="3">
      <t>ワリ</t>
    </rPh>
    <rPh sb="3" eb="6">
      <t>コウフキン</t>
    </rPh>
    <phoneticPr fontId="5"/>
  </si>
  <si>
    <t>歳出総額</t>
    <phoneticPr fontId="5"/>
  </si>
  <si>
    <t>収支状況</t>
    <rPh sb="0" eb="2">
      <t>シュウシ</t>
    </rPh>
    <rPh sb="2" eb="4">
      <t>ジョウキョウ</t>
    </rPh>
    <phoneticPr fontId="5"/>
  </si>
  <si>
    <t>指定団体等
の指定状況</t>
    <rPh sb="7" eb="9">
      <t>シテイ</t>
    </rPh>
    <rPh sb="9" eb="11">
      <t>ジョウキョウ</t>
    </rPh>
    <phoneticPr fontId="5"/>
  </si>
  <si>
    <t>(単位：千円・％)</t>
    <phoneticPr fontId="5"/>
  </si>
  <si>
    <t>市町村税の状況</t>
  </si>
  <si>
    <t>地方譲与税</t>
    <phoneticPr fontId="5"/>
  </si>
  <si>
    <t>歳入総額</t>
    <phoneticPr fontId="5"/>
  </si>
  <si>
    <t>地方税</t>
  </si>
  <si>
    <t>第３次</t>
  </si>
  <si>
    <t>平成２９年度(千円)</t>
    <phoneticPr fontId="5"/>
  </si>
  <si>
    <t>平成３０年度(千円)</t>
    <phoneticPr fontId="5"/>
  </si>
  <si>
    <t>区　　　　分</t>
  </si>
  <si>
    <t>経常一般財源等</t>
  </si>
  <si>
    <t>第２次</t>
  </si>
  <si>
    <t>大阪市</t>
    <phoneticPr fontId="5"/>
  </si>
  <si>
    <t>大阪府</t>
    <phoneticPr fontId="5"/>
  </si>
  <si>
    <t>歳入の状況</t>
  </si>
  <si>
    <t>第１次</t>
  </si>
  <si>
    <t>0.2</t>
    <phoneticPr fontId="5"/>
  </si>
  <si>
    <t>0.4</t>
    <phoneticPr fontId="5"/>
  </si>
  <si>
    <t>増 減 率</t>
  </si>
  <si>
    <t>人</t>
  </si>
  <si>
    <t>人口密度</t>
  </si>
  <si>
    <t>地方交付税種地</t>
  </si>
  <si>
    <t>1004</t>
    <phoneticPr fontId="5"/>
  </si>
  <si>
    <t>27</t>
    <phoneticPr fontId="5"/>
  </si>
  <si>
    <t>30. 1. 1</t>
    <phoneticPr fontId="5"/>
  </si>
  <si>
    <t>k㎡</t>
  </si>
  <si>
    <t>面　積</t>
  </si>
  <si>
    <t>決算状況</t>
  </si>
  <si>
    <t>２２年国調</t>
    <phoneticPr fontId="5"/>
  </si>
  <si>
    <t>２７年国調</t>
    <phoneticPr fontId="5"/>
  </si>
  <si>
    <t>31. 1. 1</t>
    <phoneticPr fontId="5"/>
  </si>
  <si>
    <t>1.0</t>
    <phoneticPr fontId="5"/>
  </si>
  <si>
    <t>増減率</t>
  </si>
  <si>
    <t>政令指定都市</t>
    <phoneticPr fontId="5"/>
  </si>
  <si>
    <t>市町村類型</t>
  </si>
  <si>
    <t>団体名</t>
  </si>
  <si>
    <t>都道府県名</t>
  </si>
  <si>
    <t>産業構造</t>
  </si>
  <si>
    <t>うち日本人</t>
  </si>
  <si>
    <t>住民基本台帳人口</t>
  </si>
  <si>
    <t>区分</t>
    <phoneticPr fontId="5"/>
  </si>
  <si>
    <t>２７年国調</t>
    <phoneticPr fontId="5"/>
  </si>
  <si>
    <t>人口</t>
  </si>
  <si>
    <t>平成３０年度</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0_ "/>
    <numFmt numFmtId="177" formatCode="#,##0_ "/>
    <numFmt numFmtId="178" formatCode="0.0"/>
    <numFmt numFmtId="179" formatCode="0.00_ "/>
    <numFmt numFmtId="180" formatCode="@&quot; &quot;"/>
    <numFmt numFmtId="181" formatCode="m\ \-\ d"/>
    <numFmt numFmtId="182" formatCode="#,##0.00_ "/>
  </numFmts>
  <fonts count="15" x14ac:knownFonts="1">
    <font>
      <sz val="11"/>
      <color theme="1"/>
      <name val="ＭＳ Ｐゴシック"/>
      <family val="2"/>
      <charset val="128"/>
    </font>
    <font>
      <sz val="6"/>
      <name val="ＭＳ Ｐゴシック"/>
      <family val="2"/>
      <charset val="128"/>
    </font>
    <font>
      <sz val="11"/>
      <name val="ＭＳ Ｐゴシック"/>
      <family val="3"/>
      <charset val="128"/>
    </font>
    <font>
      <sz val="11"/>
      <name val="ＭＳ 明朝"/>
      <family val="1"/>
      <charset val="128"/>
    </font>
    <font>
      <sz val="8"/>
      <name val="ＭＳ 明朝"/>
      <family val="1"/>
      <charset val="128"/>
    </font>
    <font>
      <sz val="6"/>
      <name val="ＭＳ Ｐゴシック"/>
      <family val="3"/>
      <charset val="128"/>
    </font>
    <font>
      <sz val="8"/>
      <color rgb="FF000000"/>
      <name val="ＭＳ 明朝"/>
      <family val="1"/>
      <charset val="128"/>
    </font>
    <font>
      <sz val="12"/>
      <color theme="1"/>
      <name val="ＭＳ 明朝"/>
      <family val="2"/>
      <charset val="128"/>
    </font>
    <font>
      <sz val="9"/>
      <color rgb="FF000000"/>
      <name val="ＭＳ 明朝"/>
      <family val="1"/>
      <charset val="128"/>
    </font>
    <font>
      <sz val="7"/>
      <color rgb="FF000000"/>
      <name val="ＭＳ 明朝"/>
      <family val="1"/>
      <charset val="128"/>
    </font>
    <font>
      <sz val="9"/>
      <name val="ＭＳ 明朝"/>
      <family val="1"/>
      <charset val="128"/>
    </font>
    <font>
      <sz val="28"/>
      <color rgb="FF000000"/>
      <name val="ＭＳ 明朝"/>
      <family val="1"/>
      <charset val="128"/>
    </font>
    <font>
      <sz val="9"/>
      <name val="ＭＳ Ｐゴシック"/>
      <family val="3"/>
      <charset val="128"/>
    </font>
    <font>
      <sz val="20"/>
      <name val="ＭＳ 明朝"/>
      <family val="1"/>
      <charset val="128"/>
    </font>
    <font>
      <sz val="18"/>
      <color rgb="FF000000"/>
      <name val="ＭＳ 明朝"/>
      <family val="1"/>
      <charset val="128"/>
    </font>
  </fonts>
  <fills count="3">
    <fill>
      <patternFill patternType="none"/>
    </fill>
    <fill>
      <patternFill patternType="gray125"/>
    </fill>
    <fill>
      <patternFill patternType="solid">
        <fgColor theme="0" tint="-0.14999847407452621"/>
        <bgColor indexed="64"/>
      </patternFill>
    </fill>
  </fills>
  <borders count="86">
    <border>
      <left/>
      <right/>
      <top/>
      <bottom/>
      <diagonal/>
    </border>
    <border>
      <left/>
      <right/>
      <top style="medium">
        <color rgb="FF000000"/>
      </top>
      <bottom/>
      <diagonal/>
    </border>
    <border>
      <left/>
      <right style="medium">
        <color rgb="FF000000"/>
      </right>
      <top/>
      <bottom style="medium">
        <color rgb="FF000000"/>
      </bottom>
      <diagonal/>
    </border>
    <border>
      <left/>
      <right/>
      <top/>
      <bottom style="medium">
        <color rgb="FF000000"/>
      </bottom>
      <diagonal/>
    </border>
    <border>
      <left style="thin">
        <color rgb="FF000000"/>
      </left>
      <right/>
      <top/>
      <bottom style="medium">
        <color rgb="FF000000"/>
      </bottom>
      <diagonal/>
    </border>
    <border>
      <left/>
      <right style="thin">
        <color rgb="FF000000"/>
      </right>
      <top/>
      <bottom style="medium">
        <color rgb="FF000000"/>
      </bottom>
      <diagonal/>
    </border>
    <border>
      <left/>
      <right style="thin">
        <color indexed="64"/>
      </right>
      <top/>
      <bottom style="medium">
        <color rgb="FF000000"/>
      </bottom>
      <diagonal/>
    </border>
    <border>
      <left style="thin">
        <color indexed="64"/>
      </left>
      <right/>
      <top/>
      <bottom style="medium">
        <color rgb="FF000000"/>
      </bottom>
      <diagonal/>
    </border>
    <border>
      <left/>
      <right style="thin">
        <color rgb="FF000000"/>
      </right>
      <top style="dotted">
        <color rgb="FF000000"/>
      </top>
      <bottom style="medium">
        <color rgb="FF000000"/>
      </bottom>
      <diagonal/>
    </border>
    <border>
      <left/>
      <right/>
      <top style="dotted">
        <color rgb="FF000000"/>
      </top>
      <bottom style="medium">
        <color rgb="FF000000"/>
      </bottom>
      <diagonal/>
    </border>
    <border>
      <left style="thin">
        <color rgb="FF000000"/>
      </left>
      <right/>
      <top style="dotted">
        <color rgb="FF000000"/>
      </top>
      <bottom style="medium">
        <color rgb="FF000000"/>
      </bottom>
      <diagonal/>
    </border>
    <border>
      <left style="medium">
        <color rgb="FF000000"/>
      </left>
      <right/>
      <top/>
      <bottom style="medium">
        <color rgb="FF000000"/>
      </bottom>
      <diagonal/>
    </border>
    <border>
      <left/>
      <right style="medium">
        <color rgb="FF000000"/>
      </right>
      <top/>
      <bottom/>
      <diagonal/>
    </border>
    <border>
      <left style="thin">
        <color rgb="FF000000"/>
      </left>
      <right/>
      <top/>
      <bottom/>
      <diagonal/>
    </border>
    <border>
      <left/>
      <right style="thin">
        <color rgb="FF000000"/>
      </right>
      <top/>
      <bottom/>
      <diagonal/>
    </border>
    <border>
      <left/>
      <right style="thin">
        <color auto="1"/>
      </right>
      <top/>
      <bottom/>
      <diagonal/>
    </border>
    <border>
      <left style="thin">
        <color auto="1"/>
      </left>
      <right/>
      <top/>
      <bottom/>
      <diagonal/>
    </border>
    <border>
      <left/>
      <right style="thin">
        <color rgb="FF000000"/>
      </right>
      <top/>
      <bottom style="dotted">
        <color rgb="FF000000"/>
      </bottom>
      <diagonal/>
    </border>
    <border>
      <left/>
      <right/>
      <top/>
      <bottom style="dotted">
        <color rgb="FF000000"/>
      </bottom>
      <diagonal/>
    </border>
    <border>
      <left style="thin">
        <color rgb="FF000000"/>
      </left>
      <right/>
      <top/>
      <bottom style="dotted">
        <color rgb="FF000000"/>
      </bottom>
      <diagonal/>
    </border>
    <border>
      <left style="medium">
        <color rgb="FF000000"/>
      </left>
      <right style="thin">
        <color rgb="FF000000"/>
      </right>
      <top/>
      <bottom style="thin">
        <color rgb="FF000000"/>
      </bottom>
      <diagonal/>
    </border>
    <border>
      <left style="medium">
        <color rgb="FF000000"/>
      </left>
      <right style="thin">
        <color rgb="FF000000"/>
      </right>
      <top/>
      <bottom/>
      <diagonal/>
    </border>
    <border>
      <left/>
      <right style="thin">
        <color rgb="FF000000"/>
      </right>
      <top style="thin">
        <color rgb="FF000000"/>
      </top>
      <bottom/>
      <diagonal/>
    </border>
    <border>
      <left/>
      <right/>
      <top style="thin">
        <color rgb="FF000000"/>
      </top>
      <bottom/>
      <diagonal/>
    </border>
    <border>
      <left style="thin">
        <color rgb="FF000000"/>
      </left>
      <right/>
      <top style="thin">
        <color rgb="FF000000"/>
      </top>
      <bottom/>
      <diagonal/>
    </border>
    <border>
      <left/>
      <right style="medium">
        <color rgb="FF000000"/>
      </right>
      <top/>
      <bottom style="thin">
        <color auto="1"/>
      </bottom>
      <diagonal/>
    </border>
    <border>
      <left/>
      <right/>
      <top/>
      <bottom style="thin">
        <color indexed="64"/>
      </bottom>
      <diagonal/>
    </border>
    <border>
      <left style="thin">
        <color rgb="FF000000"/>
      </left>
      <right/>
      <top/>
      <bottom style="thin">
        <color indexed="64"/>
      </bottom>
      <diagonal/>
    </border>
    <border>
      <left/>
      <right style="thin">
        <color rgb="FF000000"/>
      </right>
      <top/>
      <bottom style="thin">
        <color indexed="64"/>
      </bottom>
      <diagonal/>
    </border>
    <border>
      <left style="thin">
        <color indexed="64"/>
      </left>
      <right/>
      <top/>
      <bottom style="thin">
        <color indexed="64"/>
      </bottom>
      <diagonal/>
    </border>
    <border>
      <left/>
      <right style="medium">
        <color rgb="FF000000"/>
      </right>
      <top style="thin">
        <color auto="1"/>
      </top>
      <bottom/>
      <diagonal/>
    </border>
    <border>
      <left/>
      <right/>
      <top style="thin">
        <color indexed="64"/>
      </top>
      <bottom/>
      <diagonal/>
    </border>
    <border>
      <left style="thin">
        <color rgb="FF000000"/>
      </left>
      <right/>
      <top style="thin">
        <color indexed="64"/>
      </top>
      <bottom/>
      <diagonal/>
    </border>
    <border>
      <left/>
      <right style="thin">
        <color rgb="FF000000"/>
      </right>
      <top style="thin">
        <color indexed="64"/>
      </top>
      <bottom/>
      <diagonal/>
    </border>
    <border>
      <left style="thin">
        <color indexed="64"/>
      </left>
      <right/>
      <top style="thin">
        <color indexed="64"/>
      </top>
      <bottom/>
      <diagonal/>
    </border>
    <border>
      <left/>
      <right style="thin">
        <color rgb="FF000000"/>
      </right>
      <top style="dotted">
        <color rgb="FF000000"/>
      </top>
      <bottom/>
      <diagonal/>
    </border>
    <border>
      <left/>
      <right/>
      <top style="dotted">
        <color rgb="FF000000"/>
      </top>
      <bottom/>
      <diagonal/>
    </border>
    <border>
      <left style="thin">
        <color rgb="FF000000"/>
      </left>
      <right/>
      <top style="dotted">
        <color rgb="FF000000"/>
      </top>
      <bottom/>
      <diagonal/>
    </border>
    <border>
      <left style="medium">
        <color rgb="FF000000"/>
      </left>
      <right style="thin">
        <color rgb="FF000000"/>
      </right>
      <top style="thin">
        <color rgb="FF000000"/>
      </top>
      <bottom/>
      <diagonal/>
    </border>
    <border>
      <left/>
      <right style="thin">
        <color rgb="FF000000"/>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indexed="64"/>
      </right>
      <top style="thin">
        <color indexed="64"/>
      </top>
      <bottom/>
      <diagonal/>
    </border>
    <border>
      <left style="medium">
        <color rgb="FF000000"/>
      </left>
      <right/>
      <top/>
      <bottom/>
      <diagonal/>
    </border>
    <border>
      <left style="thin">
        <color auto="1"/>
      </left>
      <right/>
      <top/>
      <bottom style="thin">
        <color rgb="FF000000"/>
      </bottom>
      <diagonal/>
    </border>
    <border>
      <left/>
      <right style="medium">
        <color rgb="FF000000"/>
      </right>
      <top style="thin">
        <color indexed="64"/>
      </top>
      <bottom style="thin">
        <color indexed="64"/>
      </bottom>
      <diagonal/>
    </border>
    <border>
      <left/>
      <right/>
      <top style="thin">
        <color indexed="64"/>
      </top>
      <bottom style="thin">
        <color indexed="64"/>
      </bottom>
      <diagonal/>
    </border>
    <border>
      <left style="thin">
        <color rgb="FF000000"/>
      </left>
      <right/>
      <top style="thin">
        <color indexed="64"/>
      </top>
      <bottom style="thin">
        <color indexed="64"/>
      </bottom>
      <diagonal/>
    </border>
    <border>
      <left/>
      <right style="thin">
        <color rgb="FF000000"/>
      </right>
      <top style="thin">
        <color indexed="64"/>
      </top>
      <bottom style="thin">
        <color indexed="64"/>
      </bottom>
      <diagonal/>
    </border>
    <border>
      <left style="thin">
        <color indexed="64"/>
      </left>
      <right/>
      <top style="thin">
        <color indexed="64"/>
      </top>
      <bottom style="thin">
        <color indexed="64"/>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medium">
        <color rgb="FF000000"/>
      </right>
      <top/>
      <bottom style="thin">
        <color rgb="FF000000"/>
      </bottom>
      <diagonal/>
    </border>
    <border>
      <left/>
      <right style="medium">
        <color rgb="FF000000"/>
      </right>
      <top style="thin">
        <color rgb="FF000000"/>
      </top>
      <bottom/>
      <diagonal/>
    </border>
    <border>
      <left style="medium">
        <color rgb="FF000000"/>
      </left>
      <right/>
      <top style="thin">
        <color indexed="64"/>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rgb="FF000000"/>
      </left>
      <right/>
      <top/>
      <bottom style="thin">
        <color rgb="FF000000"/>
      </bottom>
      <diagonal/>
    </border>
    <border>
      <left style="medium">
        <color rgb="FF000000"/>
      </left>
      <right/>
      <top style="thin">
        <color rgb="FF000000"/>
      </top>
      <bottom/>
      <diagonal/>
    </border>
    <border>
      <left style="thin">
        <color auto="1"/>
      </left>
      <right style="thin">
        <color rgb="FF000000"/>
      </right>
      <top/>
      <bottom style="thin">
        <color rgb="FF000000"/>
      </bottom>
      <diagonal/>
    </border>
    <border>
      <left style="thin">
        <color auto="1"/>
      </left>
      <right style="thin">
        <color rgb="FF000000"/>
      </right>
      <top/>
      <bottom/>
      <diagonal/>
    </border>
    <border>
      <left style="thin">
        <color auto="1"/>
      </left>
      <right style="thin">
        <color rgb="FF000000"/>
      </right>
      <top style="thin">
        <color auto="1"/>
      </top>
      <bottom/>
      <diagonal/>
    </border>
    <border>
      <left/>
      <right style="thin">
        <color indexed="64"/>
      </right>
      <top/>
      <bottom style="thin">
        <color indexed="64"/>
      </bottom>
      <diagonal/>
    </border>
    <border>
      <left style="thin">
        <color indexed="64"/>
      </left>
      <right/>
      <top style="thin">
        <color rgb="FF000000"/>
      </top>
      <bottom/>
      <diagonal/>
    </border>
    <border>
      <left/>
      <right style="thin">
        <color rgb="FF000000"/>
      </right>
      <top style="thin">
        <color rgb="FF000000"/>
      </top>
      <bottom style="thin">
        <color rgb="FF000000"/>
      </bottom>
      <diagonal/>
    </border>
    <border>
      <left/>
      <right style="thin">
        <color auto="1"/>
      </right>
      <top/>
      <bottom style="thin">
        <color rgb="FF000000"/>
      </bottom>
      <diagonal/>
    </border>
    <border>
      <left/>
      <right style="thin">
        <color rgb="FF000000"/>
      </right>
      <top style="dotted">
        <color auto="1"/>
      </top>
      <bottom/>
      <diagonal/>
    </border>
    <border>
      <left/>
      <right/>
      <top style="dotted">
        <color auto="1"/>
      </top>
      <bottom/>
      <diagonal/>
    </border>
    <border>
      <left style="thin">
        <color rgb="FF000000"/>
      </left>
      <right/>
      <top style="dotted">
        <color auto="1"/>
      </top>
      <bottom/>
      <diagonal/>
    </border>
    <border>
      <left/>
      <right style="thin">
        <color rgb="FF000000"/>
      </right>
      <top/>
      <bottom style="dotted">
        <color auto="1"/>
      </bottom>
      <diagonal/>
    </border>
    <border>
      <left/>
      <right/>
      <top/>
      <bottom style="dotted">
        <color auto="1"/>
      </bottom>
      <diagonal/>
    </border>
    <border>
      <left style="thin">
        <color rgb="FF000000"/>
      </left>
      <right/>
      <top/>
      <bottom style="dotted">
        <color auto="1"/>
      </bottom>
      <diagonal/>
    </border>
    <border>
      <left style="thin">
        <color auto="1"/>
      </left>
      <right/>
      <top/>
      <bottom style="dotted">
        <color auto="1"/>
      </bottom>
      <diagonal/>
    </border>
    <border>
      <left style="medium">
        <color rgb="FF000000"/>
      </left>
      <right style="thin">
        <color auto="1"/>
      </right>
      <top/>
      <bottom style="thin">
        <color auto="1"/>
      </bottom>
      <diagonal/>
    </border>
    <border>
      <left style="medium">
        <color rgb="FF000000"/>
      </left>
      <right style="thin">
        <color auto="1"/>
      </right>
      <top/>
      <bottom/>
      <diagonal/>
    </border>
    <border>
      <left style="thin">
        <color auto="1"/>
      </left>
      <right/>
      <top style="dotted">
        <color auto="1"/>
      </top>
      <bottom/>
      <diagonal/>
    </border>
    <border>
      <left style="medium">
        <color rgb="FF000000"/>
      </left>
      <right style="thin">
        <color auto="1"/>
      </right>
      <top style="thin">
        <color auto="1"/>
      </top>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thin">
        <color auto="1"/>
      </right>
      <top style="thin">
        <color auto="1"/>
      </top>
      <bottom/>
      <diagonal/>
    </border>
    <border>
      <left style="medium">
        <color rgb="FF000000"/>
      </left>
      <right/>
      <top/>
      <bottom style="thin">
        <color indexed="64"/>
      </bottom>
      <diagonal/>
    </border>
    <border>
      <left/>
      <right style="thin">
        <color auto="1"/>
      </right>
      <top style="thin">
        <color rgb="FF000000"/>
      </top>
      <bottom/>
      <diagonal/>
    </border>
    <border>
      <left/>
      <right style="medium">
        <color rgb="FF000000"/>
      </right>
      <top style="medium">
        <color rgb="FF000000"/>
      </top>
      <bottom/>
      <diagonal/>
    </border>
    <border>
      <left style="thin">
        <color rgb="FF000000"/>
      </left>
      <right/>
      <top style="medium">
        <color rgb="FF000000"/>
      </top>
      <bottom/>
      <diagonal/>
    </border>
    <border>
      <left/>
      <right style="thin">
        <color rgb="FF000000"/>
      </right>
      <top style="medium">
        <color rgb="FF000000"/>
      </top>
      <bottom/>
      <diagonal/>
    </border>
    <border>
      <left style="medium">
        <color rgb="FF000000"/>
      </left>
      <right/>
      <top style="medium">
        <color rgb="FF000000"/>
      </top>
      <bottom/>
      <diagonal/>
    </border>
  </borders>
  <cellStyleXfs count="4">
    <xf numFmtId="0" fontId="0" fillId="0" borderId="0">
      <alignment vertical="center"/>
    </xf>
    <xf numFmtId="0" fontId="2" fillId="0" borderId="0"/>
    <xf numFmtId="0" fontId="2" fillId="0" borderId="0"/>
    <xf numFmtId="38" fontId="2" fillId="0" borderId="0" applyFont="0" applyFill="0" applyBorder="0" applyAlignment="0" applyProtection="0">
      <alignment vertical="center"/>
    </xf>
  </cellStyleXfs>
  <cellXfs count="481">
    <xf numFmtId="0" fontId="0" fillId="0" borderId="0" xfId="0">
      <alignment vertical="center"/>
    </xf>
    <xf numFmtId="0" fontId="3" fillId="0" borderId="0" xfId="1" applyFont="1" applyFill="1" applyAlignment="1">
      <alignment vertical="center"/>
    </xf>
    <xf numFmtId="0" fontId="4" fillId="0" borderId="0" xfId="1" applyFont="1" applyFill="1" applyAlignment="1">
      <alignment horizontal="left" vertical="center"/>
    </xf>
    <xf numFmtId="0" fontId="4" fillId="0" borderId="0" xfId="2" applyFont="1" applyFill="1" applyAlignment="1">
      <alignment vertical="center"/>
    </xf>
    <xf numFmtId="49" fontId="6" fillId="0" borderId="0" xfId="1" applyNumberFormat="1" applyFont="1" applyFill="1" applyAlignment="1">
      <alignment horizontal="left" vertical="center"/>
    </xf>
    <xf numFmtId="0" fontId="3" fillId="0" borderId="0" xfId="1" applyFont="1" applyFill="1" applyBorder="1" applyAlignment="1"/>
    <xf numFmtId="49" fontId="6" fillId="0" borderId="0" xfId="1" applyNumberFormat="1" applyFont="1" applyFill="1" applyAlignment="1">
      <alignment vertical="center"/>
    </xf>
    <xf numFmtId="0" fontId="3" fillId="0" borderId="0" xfId="1" applyFont="1" applyFill="1" applyBorder="1" applyAlignment="1">
      <alignment vertical="center"/>
    </xf>
    <xf numFmtId="49" fontId="6" fillId="0" borderId="0" xfId="1" applyNumberFormat="1" applyFont="1" applyFill="1" applyBorder="1" applyAlignment="1">
      <alignment horizontal="left" vertical="center"/>
    </xf>
    <xf numFmtId="49" fontId="8" fillId="0" borderId="0" xfId="1" applyNumberFormat="1" applyFont="1" applyFill="1" applyBorder="1" applyAlignment="1">
      <alignment horizontal="center" vertical="center"/>
    </xf>
    <xf numFmtId="49" fontId="9" fillId="0" borderId="0" xfId="1" applyNumberFormat="1" applyFont="1" applyFill="1" applyBorder="1" applyAlignment="1">
      <alignment horizontal="distributed" vertical="center"/>
    </xf>
    <xf numFmtId="49" fontId="6" fillId="0" borderId="0" xfId="1" applyNumberFormat="1" applyFont="1" applyFill="1" applyBorder="1" applyAlignment="1">
      <alignment horizontal="center" vertical="distributed" textRotation="255"/>
    </xf>
    <xf numFmtId="0" fontId="3" fillId="0" borderId="6" xfId="1" applyFont="1" applyFill="1" applyBorder="1" applyAlignment="1">
      <alignment vertical="center"/>
    </xf>
    <xf numFmtId="49" fontId="8" fillId="0" borderId="4" xfId="1" applyNumberFormat="1" applyFont="1" applyFill="1" applyBorder="1" applyAlignment="1">
      <alignment vertical="center"/>
    </xf>
    <xf numFmtId="49" fontId="8" fillId="0" borderId="13" xfId="1" applyNumberFormat="1" applyFont="1" applyFill="1" applyBorder="1" applyAlignment="1">
      <alignment vertical="center"/>
    </xf>
    <xf numFmtId="0" fontId="3" fillId="2" borderId="20" xfId="1" applyFont="1" applyFill="1" applyBorder="1" applyAlignment="1"/>
    <xf numFmtId="49" fontId="6" fillId="0" borderId="0" xfId="1" applyNumberFormat="1" applyFont="1" applyFill="1" applyBorder="1" applyAlignment="1">
      <alignment vertical="center"/>
    </xf>
    <xf numFmtId="0" fontId="10" fillId="0" borderId="13" xfId="1" applyFont="1" applyFill="1" applyBorder="1" applyAlignment="1"/>
    <xf numFmtId="0" fontId="3" fillId="0" borderId="15" xfId="1" applyFont="1" applyFill="1" applyBorder="1" applyAlignment="1">
      <alignment vertical="center"/>
    </xf>
    <xf numFmtId="49" fontId="8" fillId="0" borderId="0" xfId="1" applyNumberFormat="1" applyFont="1" applyFill="1" applyBorder="1" applyAlignment="1">
      <alignment horizontal="left" vertical="center"/>
    </xf>
    <xf numFmtId="0" fontId="3" fillId="0" borderId="0" xfId="1" applyFont="1" applyFill="1" applyBorder="1" applyAlignment="1">
      <alignment horizontal="center" vertical="center"/>
    </xf>
    <xf numFmtId="0" fontId="3" fillId="2" borderId="38" xfId="1" applyFont="1" applyFill="1" applyBorder="1" applyAlignment="1"/>
    <xf numFmtId="0" fontId="3" fillId="0" borderId="43" xfId="1" applyFont="1" applyFill="1" applyBorder="1" applyAlignment="1"/>
    <xf numFmtId="49" fontId="8" fillId="0" borderId="24" xfId="1" applyNumberFormat="1" applyFont="1" applyFill="1" applyBorder="1" applyAlignment="1">
      <alignment vertical="center"/>
    </xf>
    <xf numFmtId="49" fontId="6" fillId="0" borderId="39" xfId="1" applyNumberFormat="1" applyFont="1" applyFill="1" applyBorder="1" applyAlignment="1">
      <alignment vertical="center"/>
    </xf>
    <xf numFmtId="0" fontId="3" fillId="0" borderId="41" xfId="1" applyFont="1" applyFill="1" applyBorder="1" applyAlignment="1">
      <alignment vertical="center"/>
    </xf>
    <xf numFmtId="49" fontId="8" fillId="0" borderId="39" xfId="1" applyNumberFormat="1" applyFont="1" applyFill="1" applyBorder="1" applyAlignment="1">
      <alignment vertical="center"/>
    </xf>
    <xf numFmtId="49" fontId="8" fillId="0" borderId="41" xfId="1" applyNumberFormat="1" applyFont="1" applyFill="1" applyBorder="1" applyAlignment="1">
      <alignment vertical="center"/>
    </xf>
    <xf numFmtId="49" fontId="9" fillId="0" borderId="14" xfId="1" applyNumberFormat="1" applyFont="1" applyFill="1" applyBorder="1" applyAlignment="1">
      <alignment vertical="center"/>
    </xf>
    <xf numFmtId="49" fontId="8" fillId="0" borderId="22" xfId="1" applyNumberFormat="1" applyFont="1" applyFill="1" applyBorder="1" applyAlignment="1">
      <alignment vertical="center"/>
    </xf>
    <xf numFmtId="49" fontId="8" fillId="0" borderId="42" xfId="1" applyNumberFormat="1" applyFont="1" applyFill="1" applyBorder="1" applyAlignment="1">
      <alignment vertical="center"/>
    </xf>
    <xf numFmtId="0" fontId="3" fillId="0" borderId="34" xfId="1" applyFont="1" applyFill="1" applyBorder="1" applyAlignment="1">
      <alignment vertical="center"/>
    </xf>
    <xf numFmtId="49" fontId="8" fillId="0" borderId="31" xfId="1" applyNumberFormat="1" applyFont="1" applyFill="1" applyBorder="1" applyAlignment="1">
      <alignment vertical="center"/>
    </xf>
    <xf numFmtId="0" fontId="3" fillId="0" borderId="31" xfId="1" applyFont="1" applyFill="1" applyBorder="1" applyAlignment="1">
      <alignment vertical="center"/>
    </xf>
    <xf numFmtId="0" fontId="3" fillId="0" borderId="54" xfId="1" applyFont="1" applyFill="1" applyBorder="1" applyAlignment="1">
      <alignment vertical="center"/>
    </xf>
    <xf numFmtId="49" fontId="8" fillId="0" borderId="40" xfId="1" applyNumberFormat="1" applyFont="1" applyFill="1" applyBorder="1" applyAlignment="1">
      <alignment vertical="center"/>
    </xf>
    <xf numFmtId="0" fontId="2" fillId="0" borderId="40" xfId="1" applyBorder="1" applyAlignment="1">
      <alignment vertical="center"/>
    </xf>
    <xf numFmtId="0" fontId="3" fillId="0" borderId="39" xfId="1" applyFont="1" applyFill="1" applyBorder="1" applyAlignment="1"/>
    <xf numFmtId="0" fontId="3" fillId="0" borderId="40" xfId="1" applyFont="1" applyFill="1" applyBorder="1" applyAlignment="1"/>
    <xf numFmtId="0" fontId="3" fillId="0" borderId="41" xfId="1" applyFont="1" applyFill="1" applyBorder="1" applyAlignment="1"/>
    <xf numFmtId="0" fontId="3" fillId="0" borderId="14" xfId="1" applyFont="1" applyFill="1" applyBorder="1" applyAlignment="1"/>
    <xf numFmtId="49" fontId="8" fillId="0" borderId="0" xfId="1" applyNumberFormat="1" applyFont="1" applyFill="1" applyBorder="1" applyAlignment="1">
      <alignment vertical="center"/>
    </xf>
    <xf numFmtId="0" fontId="3" fillId="0" borderId="57" xfId="1" applyFont="1" applyFill="1" applyBorder="1" applyAlignment="1"/>
    <xf numFmtId="49" fontId="8" fillId="0" borderId="23" xfId="1" applyNumberFormat="1" applyFont="1" applyFill="1" applyBorder="1" applyAlignment="1">
      <alignment vertical="center"/>
    </xf>
    <xf numFmtId="0" fontId="2" fillId="0" borderId="23" xfId="1" applyBorder="1" applyAlignment="1">
      <alignment vertical="center"/>
    </xf>
    <xf numFmtId="0" fontId="3" fillId="0" borderId="24" xfId="1" applyFont="1" applyFill="1" applyBorder="1" applyAlignment="1">
      <alignment vertical="center"/>
    </xf>
    <xf numFmtId="0" fontId="3" fillId="0" borderId="22" xfId="1" applyFont="1" applyFill="1" applyBorder="1" applyAlignment="1"/>
    <xf numFmtId="0" fontId="3" fillId="0" borderId="23" xfId="1" applyFont="1" applyFill="1" applyBorder="1" applyAlignment="1"/>
    <xf numFmtId="0" fontId="3" fillId="0" borderId="24" xfId="1" applyFont="1" applyFill="1" applyBorder="1" applyAlignment="1"/>
    <xf numFmtId="0" fontId="3" fillId="0" borderId="23" xfId="1" applyFont="1" applyFill="1" applyBorder="1" applyAlignment="1">
      <alignment vertical="center"/>
    </xf>
    <xf numFmtId="0" fontId="3" fillId="0" borderId="58" xfId="1" applyFont="1" applyFill="1" applyBorder="1" applyAlignment="1"/>
    <xf numFmtId="0" fontId="3" fillId="0" borderId="12" xfId="1" applyFont="1" applyFill="1" applyBorder="1" applyAlignment="1">
      <alignment vertical="center"/>
    </xf>
    <xf numFmtId="0" fontId="3" fillId="0" borderId="13" xfId="1" applyFont="1" applyFill="1" applyBorder="1" applyAlignment="1"/>
    <xf numFmtId="0" fontId="3" fillId="0" borderId="24" xfId="1" applyFont="1" applyFill="1" applyBorder="1" applyAlignment="1">
      <alignment vertical="center" wrapText="1"/>
    </xf>
    <xf numFmtId="0" fontId="3" fillId="0" borderId="19" xfId="1" applyFont="1" applyFill="1" applyBorder="1" applyAlignment="1">
      <alignment vertical="center"/>
    </xf>
    <xf numFmtId="0" fontId="3" fillId="0" borderId="13" xfId="1" applyFont="1" applyFill="1" applyBorder="1" applyAlignment="1">
      <alignment vertical="center"/>
    </xf>
    <xf numFmtId="0" fontId="3" fillId="0" borderId="37" xfId="1" applyFont="1" applyFill="1" applyBorder="1" applyAlignment="1">
      <alignment vertical="center"/>
    </xf>
    <xf numFmtId="0" fontId="10" fillId="0" borderId="0" xfId="1" applyFont="1" applyFill="1" applyBorder="1" applyAlignment="1"/>
    <xf numFmtId="0" fontId="10" fillId="0" borderId="0" xfId="1" applyFont="1" applyFill="1" applyBorder="1" applyAlignment="1">
      <alignment vertical="center"/>
    </xf>
    <xf numFmtId="49" fontId="8" fillId="0" borderId="62" xfId="1" applyNumberFormat="1" applyFont="1" applyFill="1" applyBorder="1" applyAlignment="1">
      <alignment vertical="center"/>
    </xf>
    <xf numFmtId="49" fontId="8" fillId="0" borderId="26" xfId="1" applyNumberFormat="1" applyFont="1" applyFill="1" applyBorder="1" applyAlignment="1">
      <alignment vertical="center"/>
    </xf>
    <xf numFmtId="0" fontId="3" fillId="0" borderId="26" xfId="1" applyFont="1" applyFill="1" applyBorder="1" applyAlignment="1">
      <alignment vertical="center"/>
    </xf>
    <xf numFmtId="0" fontId="3" fillId="0" borderId="29" xfId="1" applyFont="1" applyFill="1" applyBorder="1" applyAlignment="1">
      <alignment vertical="center"/>
    </xf>
    <xf numFmtId="0" fontId="3" fillId="0" borderId="70" xfId="1" applyFont="1" applyFill="1" applyBorder="1" applyAlignment="1">
      <alignment vertical="center"/>
    </xf>
    <xf numFmtId="0" fontId="3" fillId="0" borderId="72" xfId="1" applyFont="1" applyFill="1" applyBorder="1" applyAlignment="1">
      <alignment vertical="center"/>
    </xf>
    <xf numFmtId="0" fontId="3" fillId="0" borderId="16" xfId="1" applyFont="1" applyFill="1" applyBorder="1" applyAlignment="1">
      <alignment vertical="center"/>
    </xf>
    <xf numFmtId="0" fontId="3" fillId="0" borderId="67" xfId="1" applyFont="1" applyFill="1" applyBorder="1" applyAlignment="1">
      <alignment vertical="center"/>
    </xf>
    <xf numFmtId="0" fontId="3" fillId="0" borderId="75" xfId="1" applyFont="1" applyFill="1" applyBorder="1" applyAlignment="1">
      <alignment vertical="center"/>
    </xf>
    <xf numFmtId="0" fontId="3" fillId="0" borderId="62" xfId="1" applyFont="1" applyFill="1" applyBorder="1" applyAlignment="1">
      <alignment vertical="center"/>
    </xf>
    <xf numFmtId="0" fontId="10" fillId="0" borderId="42" xfId="1" applyFont="1" applyFill="1" applyBorder="1" applyAlignment="1">
      <alignment vertical="center"/>
    </xf>
    <xf numFmtId="0" fontId="3" fillId="0" borderId="42" xfId="1" applyFont="1" applyFill="1" applyBorder="1" applyAlignment="1">
      <alignment vertical="center"/>
    </xf>
    <xf numFmtId="0" fontId="10" fillId="0" borderId="31" xfId="1" applyFont="1" applyFill="1" applyBorder="1" applyAlignment="1">
      <alignment vertical="center"/>
    </xf>
    <xf numFmtId="0" fontId="3" fillId="0" borderId="80" xfId="1" applyFont="1" applyFill="1" applyBorder="1" applyAlignment="1">
      <alignment vertical="center"/>
    </xf>
    <xf numFmtId="49" fontId="8" fillId="0" borderId="39" xfId="1" applyNumberFormat="1" applyFont="1" applyFill="1" applyBorder="1" applyAlignment="1"/>
    <xf numFmtId="49" fontId="8" fillId="0" borderId="40" xfId="1" applyNumberFormat="1" applyFont="1" applyFill="1" applyBorder="1" applyAlignment="1"/>
    <xf numFmtId="49" fontId="8" fillId="0" borderId="14" xfId="1" applyNumberFormat="1" applyFont="1" applyFill="1" applyBorder="1" applyAlignment="1"/>
    <xf numFmtId="49" fontId="8" fillId="0" borderId="0" xfId="1" applyNumberFormat="1" applyFont="1" applyFill="1" applyBorder="1" applyAlignment="1"/>
    <xf numFmtId="49" fontId="14" fillId="0" borderId="0" xfId="1" applyNumberFormat="1" applyFont="1" applyFill="1" applyBorder="1" applyAlignment="1">
      <alignment horizontal="distributed" vertical="center"/>
    </xf>
    <xf numFmtId="49" fontId="8" fillId="0" borderId="14" xfId="1" applyNumberFormat="1" applyFont="1" applyFill="1" applyBorder="1" applyAlignment="1">
      <alignment vertical="center"/>
    </xf>
    <xf numFmtId="0" fontId="10" fillId="0" borderId="39" xfId="1" applyFont="1" applyFill="1" applyBorder="1" applyAlignment="1">
      <alignment vertical="center"/>
    </xf>
    <xf numFmtId="0" fontId="10" fillId="0" borderId="41" xfId="1" applyFont="1" applyFill="1" applyBorder="1" applyAlignment="1">
      <alignment vertical="center"/>
    </xf>
    <xf numFmtId="0" fontId="3" fillId="0" borderId="1" xfId="1" applyFont="1" applyFill="1" applyBorder="1" applyAlignment="1">
      <alignment vertical="center"/>
    </xf>
    <xf numFmtId="0" fontId="3" fillId="0" borderId="1" xfId="1" applyFont="1" applyFill="1" applyBorder="1" applyAlignment="1"/>
    <xf numFmtId="0" fontId="3" fillId="0" borderId="83" xfId="1" applyFont="1" applyFill="1" applyBorder="1" applyAlignment="1"/>
    <xf numFmtId="49" fontId="8" fillId="0" borderId="84" xfId="1" applyNumberFormat="1" applyFont="1" applyFill="1" applyBorder="1" applyAlignment="1">
      <alignment vertical="center"/>
    </xf>
    <xf numFmtId="0" fontId="3" fillId="0" borderId="83" xfId="1" applyFont="1" applyFill="1" applyBorder="1" applyAlignment="1">
      <alignment vertical="center"/>
    </xf>
    <xf numFmtId="0" fontId="10" fillId="0" borderId="84" xfId="1" applyFont="1" applyFill="1" applyBorder="1" applyAlignment="1">
      <alignment vertical="center"/>
    </xf>
    <xf numFmtId="0" fontId="10" fillId="0" borderId="83" xfId="1" applyFont="1" applyFill="1" applyBorder="1" applyAlignment="1">
      <alignment vertical="center"/>
    </xf>
    <xf numFmtId="49" fontId="14" fillId="0" borderId="1" xfId="1" applyNumberFormat="1" applyFont="1" applyFill="1" applyBorder="1" applyAlignment="1">
      <alignment horizontal="distributed" vertical="center"/>
    </xf>
    <xf numFmtId="0" fontId="3" fillId="0" borderId="1" xfId="1" applyFont="1" applyFill="1" applyBorder="1"/>
    <xf numFmtId="0" fontId="3" fillId="0" borderId="85" xfId="1" applyFont="1" applyFill="1" applyBorder="1"/>
    <xf numFmtId="49" fontId="4" fillId="0" borderId="0" xfId="2" applyNumberFormat="1" applyFont="1" applyFill="1" applyAlignment="1">
      <alignment vertical="center"/>
    </xf>
    <xf numFmtId="0" fontId="4" fillId="0" borderId="0" xfId="2" applyFont="1" applyFill="1" applyAlignment="1">
      <alignment vertical="center"/>
    </xf>
    <xf numFmtId="176" fontId="8" fillId="0" borderId="4" xfId="1" applyNumberFormat="1" applyFont="1" applyFill="1" applyBorder="1" applyAlignment="1">
      <alignment horizontal="right" vertical="center" shrinkToFit="1"/>
    </xf>
    <xf numFmtId="176" fontId="10" fillId="0" borderId="3" xfId="1" applyNumberFormat="1" applyFont="1" applyBorder="1" applyAlignment="1">
      <alignment horizontal="right" vertical="center" shrinkToFit="1"/>
    </xf>
    <xf numFmtId="176" fontId="8" fillId="0" borderId="3" xfId="1" applyNumberFormat="1" applyFont="1" applyFill="1" applyBorder="1" applyAlignment="1">
      <alignment horizontal="right" vertical="center" shrinkToFit="1"/>
    </xf>
    <xf numFmtId="176" fontId="10" fillId="0" borderId="5" xfId="1" applyNumberFormat="1" applyFont="1" applyBorder="1" applyAlignment="1">
      <alignment horizontal="right" vertical="center" shrinkToFit="1"/>
    </xf>
    <xf numFmtId="49" fontId="8" fillId="0" borderId="3" xfId="1" applyNumberFormat="1" applyFont="1" applyFill="1" applyBorder="1" applyAlignment="1">
      <alignment horizontal="distributed" vertical="center"/>
    </xf>
    <xf numFmtId="49" fontId="8" fillId="0" borderId="5" xfId="1" applyNumberFormat="1" applyFont="1" applyFill="1" applyBorder="1" applyAlignment="1">
      <alignment horizontal="distributed" vertical="center"/>
    </xf>
    <xf numFmtId="49" fontId="6" fillId="0" borderId="1" xfId="2" applyNumberFormat="1" applyFont="1" applyFill="1" applyBorder="1" applyAlignment="1">
      <alignment vertical="center"/>
    </xf>
    <xf numFmtId="49" fontId="6" fillId="0" borderId="0" xfId="2" applyNumberFormat="1" applyFont="1" applyFill="1" applyAlignment="1">
      <alignment vertical="center"/>
    </xf>
    <xf numFmtId="49" fontId="8" fillId="0" borderId="0" xfId="1" applyNumberFormat="1" applyFont="1" applyFill="1" applyBorder="1" applyAlignment="1">
      <alignment horizontal="right" vertical="center"/>
    </xf>
    <xf numFmtId="177" fontId="8" fillId="0" borderId="4" xfId="1" applyNumberFormat="1" applyFont="1" applyFill="1" applyBorder="1" applyAlignment="1">
      <alignment horizontal="right" vertical="center" shrinkToFit="1"/>
    </xf>
    <xf numFmtId="177" fontId="8" fillId="0" borderId="3" xfId="1" applyNumberFormat="1" applyFont="1" applyFill="1" applyBorder="1" applyAlignment="1">
      <alignment horizontal="right" vertical="center" shrinkToFit="1"/>
    </xf>
    <xf numFmtId="177" fontId="8" fillId="0" borderId="5" xfId="1" applyNumberFormat="1" applyFont="1" applyFill="1" applyBorder="1" applyAlignment="1">
      <alignment horizontal="right" vertical="center" shrinkToFit="1"/>
    </xf>
    <xf numFmtId="49" fontId="8" fillId="0" borderId="4" xfId="1" applyNumberFormat="1" applyFont="1" applyFill="1" applyBorder="1" applyAlignment="1">
      <alignment horizontal="center" vertical="center"/>
    </xf>
    <xf numFmtId="49" fontId="8" fillId="0" borderId="3" xfId="1" applyNumberFormat="1" applyFont="1" applyFill="1" applyBorder="1" applyAlignment="1">
      <alignment horizontal="center" vertical="center"/>
    </xf>
    <xf numFmtId="49" fontId="8" fillId="0" borderId="3" xfId="1" applyNumberFormat="1" applyFont="1" applyFill="1" applyBorder="1" applyAlignment="1">
      <alignment horizontal="center" textRotation="255"/>
    </xf>
    <xf numFmtId="49" fontId="8" fillId="0" borderId="5" xfId="1" applyNumberFormat="1" applyFont="1" applyFill="1" applyBorder="1" applyAlignment="1">
      <alignment horizontal="center" textRotation="255"/>
    </xf>
    <xf numFmtId="49" fontId="8" fillId="0" borderId="0" xfId="1" applyNumberFormat="1" applyFont="1" applyFill="1" applyBorder="1" applyAlignment="1">
      <alignment horizontal="distributed" vertical="center"/>
    </xf>
    <xf numFmtId="49" fontId="8" fillId="0" borderId="14" xfId="1" applyNumberFormat="1" applyFont="1" applyFill="1" applyBorder="1" applyAlignment="1">
      <alignment horizontal="distributed" vertical="center"/>
    </xf>
    <xf numFmtId="176" fontId="8" fillId="0" borderId="13" xfId="1" applyNumberFormat="1" applyFont="1" applyFill="1" applyBorder="1" applyAlignment="1">
      <alignment horizontal="right" vertical="center" shrinkToFit="1"/>
    </xf>
    <xf numFmtId="176" fontId="10" fillId="0" borderId="0" xfId="1" applyNumberFormat="1" applyFont="1" applyBorder="1" applyAlignment="1">
      <alignment horizontal="right" vertical="center" shrinkToFit="1"/>
    </xf>
    <xf numFmtId="176" fontId="8" fillId="0" borderId="0" xfId="1" applyNumberFormat="1" applyFont="1" applyFill="1" applyBorder="1" applyAlignment="1">
      <alignment horizontal="right" vertical="center" shrinkToFit="1"/>
    </xf>
    <xf numFmtId="176" fontId="10" fillId="0" borderId="14" xfId="1" applyNumberFormat="1" applyFont="1" applyBorder="1" applyAlignment="1">
      <alignment horizontal="right" vertical="center" shrinkToFit="1"/>
    </xf>
    <xf numFmtId="176" fontId="10" fillId="0" borderId="12" xfId="1" applyNumberFormat="1" applyFont="1" applyBorder="1" applyAlignment="1">
      <alignment horizontal="right" vertical="center" shrinkToFit="1"/>
    </xf>
    <xf numFmtId="49" fontId="8" fillId="0" borderId="11" xfId="1" applyNumberFormat="1" applyFont="1" applyFill="1" applyBorder="1" applyAlignment="1">
      <alignment horizontal="distributed" vertical="center"/>
    </xf>
    <xf numFmtId="177" fontId="8" fillId="0" borderId="10" xfId="1" applyNumberFormat="1" applyFont="1" applyFill="1" applyBorder="1" applyAlignment="1">
      <alignment horizontal="right" vertical="center" shrinkToFit="1"/>
    </xf>
    <xf numFmtId="177" fontId="8" fillId="0" borderId="9" xfId="1" applyNumberFormat="1" applyFont="1" applyFill="1" applyBorder="1" applyAlignment="1">
      <alignment horizontal="right" vertical="center" shrinkToFit="1"/>
    </xf>
    <xf numFmtId="176" fontId="8" fillId="0" borderId="9" xfId="1" applyNumberFormat="1" applyFont="1" applyFill="1" applyBorder="1" applyAlignment="1">
      <alignment horizontal="right" vertical="center" shrinkToFit="1"/>
    </xf>
    <xf numFmtId="177" fontId="8" fillId="0" borderId="8" xfId="1" applyNumberFormat="1" applyFont="1" applyFill="1" applyBorder="1" applyAlignment="1">
      <alignment horizontal="right" vertical="center" shrinkToFit="1"/>
    </xf>
    <xf numFmtId="177" fontId="10" fillId="0" borderId="3" xfId="1" applyNumberFormat="1" applyFont="1" applyFill="1" applyBorder="1" applyAlignment="1">
      <alignment horizontal="right" vertical="center"/>
    </xf>
    <xf numFmtId="49" fontId="8" fillId="0" borderId="4" xfId="1" applyNumberFormat="1" applyFont="1" applyFill="1" applyBorder="1" applyAlignment="1">
      <alignment horizontal="distributed" vertical="center" shrinkToFit="1"/>
    </xf>
    <xf numFmtId="0" fontId="10" fillId="0" borderId="3" xfId="1" applyFont="1" applyFill="1" applyBorder="1" applyAlignment="1">
      <alignment vertical="center" shrinkToFit="1"/>
    </xf>
    <xf numFmtId="0" fontId="10" fillId="0" borderId="5" xfId="1" applyFont="1" applyFill="1" applyBorder="1" applyAlignment="1">
      <alignment vertical="center" shrinkToFit="1"/>
    </xf>
    <xf numFmtId="176" fontId="10" fillId="0" borderId="2" xfId="1" applyNumberFormat="1" applyFont="1" applyBorder="1" applyAlignment="1">
      <alignment horizontal="right" vertical="center" shrinkToFit="1"/>
    </xf>
    <xf numFmtId="49" fontId="8" fillId="0" borderId="23" xfId="1" applyNumberFormat="1" applyFont="1" applyFill="1" applyBorder="1" applyAlignment="1">
      <alignment horizontal="distributed" vertical="center"/>
    </xf>
    <xf numFmtId="49" fontId="8" fillId="0" borderId="22" xfId="1" applyNumberFormat="1" applyFont="1" applyFill="1" applyBorder="1" applyAlignment="1">
      <alignment horizontal="distributed" vertical="center"/>
    </xf>
    <xf numFmtId="176" fontId="10" fillId="0" borderId="13" xfId="1" applyNumberFormat="1" applyFont="1" applyFill="1" applyBorder="1" applyAlignment="1">
      <alignment horizontal="right" vertical="center" shrinkToFit="1"/>
    </xf>
    <xf numFmtId="176" fontId="10" fillId="0" borderId="0" xfId="1" applyNumberFormat="1" applyFont="1" applyFill="1" applyBorder="1" applyAlignment="1">
      <alignment horizontal="right" vertical="center" shrinkToFit="1"/>
    </xf>
    <xf numFmtId="176" fontId="10" fillId="0" borderId="13" xfId="1" applyNumberFormat="1" applyFont="1" applyBorder="1" applyAlignment="1">
      <alignment horizontal="right" vertical="center" shrinkToFit="1"/>
    </xf>
    <xf numFmtId="49" fontId="8" fillId="0" borderId="13" xfId="1" applyNumberFormat="1" applyFont="1" applyFill="1" applyBorder="1" applyAlignment="1">
      <alignment horizontal="distributed" vertical="center"/>
    </xf>
    <xf numFmtId="177" fontId="8" fillId="0" borderId="13" xfId="1" applyNumberFormat="1" applyFont="1" applyFill="1" applyBorder="1" applyAlignment="1">
      <alignment horizontal="right" vertical="center" shrinkToFit="1"/>
    </xf>
    <xf numFmtId="177" fontId="8" fillId="0" borderId="0" xfId="1" applyNumberFormat="1" applyFont="1" applyFill="1" applyBorder="1" applyAlignment="1">
      <alignment horizontal="right" vertical="center" shrinkToFit="1"/>
    </xf>
    <xf numFmtId="177" fontId="8" fillId="0" borderId="14" xfId="1" applyNumberFormat="1" applyFont="1" applyFill="1" applyBorder="1" applyAlignment="1">
      <alignment horizontal="right" vertical="center" shrinkToFit="1"/>
    </xf>
    <xf numFmtId="49" fontId="8" fillId="0" borderId="15" xfId="1" applyNumberFormat="1" applyFont="1" applyFill="1" applyBorder="1" applyAlignment="1">
      <alignment horizontal="distributed" vertical="center"/>
    </xf>
    <xf numFmtId="49" fontId="8" fillId="0" borderId="0" xfId="1" applyNumberFormat="1" applyFont="1" applyFill="1" applyBorder="1" applyAlignment="1">
      <alignment horizontal="center" vertical="center" textRotation="255" wrapText="1"/>
    </xf>
    <xf numFmtId="49" fontId="8" fillId="0" borderId="14" xfId="1" applyNumberFormat="1" applyFont="1" applyFill="1" applyBorder="1" applyAlignment="1">
      <alignment horizontal="center" vertical="center" textRotation="255" wrapText="1"/>
    </xf>
    <xf numFmtId="49" fontId="8" fillId="0" borderId="19" xfId="1" applyNumberFormat="1" applyFont="1" applyFill="1" applyBorder="1" applyAlignment="1">
      <alignment horizontal="distributed" vertical="center"/>
    </xf>
    <xf numFmtId="49" fontId="8" fillId="0" borderId="18" xfId="1" applyNumberFormat="1" applyFont="1" applyFill="1" applyBorder="1" applyAlignment="1">
      <alignment horizontal="distributed" vertical="center"/>
    </xf>
    <xf numFmtId="49" fontId="8" fillId="0" borderId="17" xfId="1" applyNumberFormat="1" applyFont="1" applyFill="1" applyBorder="1" applyAlignment="1">
      <alignment horizontal="distributed" vertical="center"/>
    </xf>
    <xf numFmtId="177" fontId="8" fillId="0" borderId="19" xfId="1" applyNumberFormat="1" applyFont="1" applyFill="1" applyBorder="1" applyAlignment="1">
      <alignment horizontal="right" vertical="center" shrinkToFit="1"/>
    </xf>
    <xf numFmtId="177" fontId="8" fillId="0" borderId="18" xfId="1" applyNumberFormat="1" applyFont="1" applyFill="1" applyBorder="1" applyAlignment="1">
      <alignment horizontal="right" vertical="center" shrinkToFit="1"/>
    </xf>
    <xf numFmtId="176" fontId="8" fillId="0" borderId="18" xfId="1" applyNumberFormat="1" applyFont="1" applyFill="1" applyBorder="1" applyAlignment="1">
      <alignment horizontal="right" vertical="center" shrinkToFit="1"/>
    </xf>
    <xf numFmtId="177" fontId="8" fillId="0" borderId="17" xfId="1" applyNumberFormat="1" applyFont="1" applyFill="1" applyBorder="1" applyAlignment="1">
      <alignment horizontal="right" vertical="center" shrinkToFit="1"/>
    </xf>
    <xf numFmtId="49" fontId="8" fillId="0" borderId="13" xfId="1" applyNumberFormat="1" applyFont="1" applyFill="1" applyBorder="1" applyAlignment="1">
      <alignment horizontal="distributed" vertical="center" shrinkToFit="1"/>
    </xf>
    <xf numFmtId="0" fontId="10" fillId="0" borderId="0" xfId="1" applyFont="1" applyFill="1" applyBorder="1" applyAlignment="1">
      <alignment vertical="center" shrinkToFit="1"/>
    </xf>
    <xf numFmtId="0" fontId="10" fillId="0" borderId="14" xfId="1" applyFont="1" applyFill="1" applyBorder="1" applyAlignment="1">
      <alignment vertical="center" shrinkToFit="1"/>
    </xf>
    <xf numFmtId="49" fontId="8" fillId="0" borderId="24" xfId="1" applyNumberFormat="1" applyFont="1" applyFill="1" applyBorder="1" applyAlignment="1">
      <alignment horizontal="center" vertical="center" textRotation="255"/>
    </xf>
    <xf numFmtId="49" fontId="8" fillId="0" borderId="23" xfId="1" applyNumberFormat="1" applyFont="1" applyFill="1" applyBorder="1" applyAlignment="1">
      <alignment horizontal="center" vertical="center" textRotation="255"/>
    </xf>
    <xf numFmtId="49" fontId="8" fillId="0" borderId="13" xfId="1" applyNumberFormat="1" applyFont="1" applyFill="1" applyBorder="1" applyAlignment="1">
      <alignment horizontal="center" vertical="center" textRotation="255"/>
    </xf>
    <xf numFmtId="49" fontId="8" fillId="0" borderId="0" xfId="1" applyNumberFormat="1" applyFont="1" applyFill="1" applyBorder="1" applyAlignment="1">
      <alignment horizontal="center" vertical="center" textRotation="255"/>
    </xf>
    <xf numFmtId="49" fontId="8" fillId="0" borderId="22" xfId="1" applyNumberFormat="1" applyFont="1" applyFill="1" applyBorder="1" applyAlignment="1">
      <alignment horizontal="center" vertical="center" textRotation="255"/>
    </xf>
    <xf numFmtId="49" fontId="8" fillId="0" borderId="0" xfId="1" applyNumberFormat="1" applyFont="1" applyFill="1" applyBorder="1" applyAlignment="1">
      <alignment horizontal="center" vertical="center" wrapText="1"/>
    </xf>
    <xf numFmtId="49" fontId="8" fillId="0" borderId="3" xfId="1" applyNumberFormat="1" applyFont="1" applyFill="1" applyBorder="1" applyAlignment="1">
      <alignment horizontal="center" vertical="center" wrapText="1"/>
    </xf>
    <xf numFmtId="49" fontId="11" fillId="0" borderId="0" xfId="1" applyNumberFormat="1" applyFont="1" applyFill="1" applyBorder="1" applyAlignment="1">
      <alignment horizontal="right" vertical="center"/>
    </xf>
    <xf numFmtId="49" fontId="11" fillId="0" borderId="3" xfId="1" applyNumberFormat="1" applyFont="1" applyFill="1" applyBorder="1" applyAlignment="1">
      <alignment horizontal="right" vertical="center"/>
    </xf>
    <xf numFmtId="177" fontId="8" fillId="0" borderId="36" xfId="1" applyNumberFormat="1" applyFont="1" applyFill="1" applyBorder="1" applyAlignment="1">
      <alignment horizontal="right" vertical="center" shrinkToFit="1"/>
    </xf>
    <xf numFmtId="177" fontId="8" fillId="0" borderId="35" xfId="1" applyNumberFormat="1" applyFont="1" applyFill="1" applyBorder="1" applyAlignment="1">
      <alignment horizontal="right" vertical="center" shrinkToFit="1"/>
    </xf>
    <xf numFmtId="49" fontId="8" fillId="0" borderId="24" xfId="1" applyNumberFormat="1" applyFont="1" applyFill="1" applyBorder="1" applyAlignment="1">
      <alignment horizontal="distributed" vertical="center"/>
    </xf>
    <xf numFmtId="0" fontId="3" fillId="0" borderId="23" xfId="1" applyFont="1" applyFill="1" applyBorder="1" applyAlignment="1">
      <alignment horizontal="distributed" vertical="center"/>
    </xf>
    <xf numFmtId="177" fontId="8" fillId="0" borderId="34" xfId="1" applyNumberFormat="1" applyFont="1" applyFill="1" applyBorder="1" applyAlignment="1">
      <alignment horizontal="right" vertical="center" shrinkToFit="1"/>
    </xf>
    <xf numFmtId="177" fontId="10" fillId="0" borderId="31" xfId="1" applyNumberFormat="1" applyFont="1" applyFill="1" applyBorder="1" applyAlignment="1">
      <alignment horizontal="right" vertical="center" shrinkToFit="1"/>
    </xf>
    <xf numFmtId="177" fontId="10" fillId="0" borderId="33" xfId="1" applyNumberFormat="1" applyFont="1" applyFill="1" applyBorder="1" applyAlignment="1">
      <alignment horizontal="right" vertical="center" shrinkToFit="1"/>
    </xf>
    <xf numFmtId="177" fontId="8" fillId="0" borderId="32" xfId="1" applyNumberFormat="1" applyFont="1" applyFill="1" applyBorder="1" applyAlignment="1">
      <alignment horizontal="right" vertical="center" shrinkToFit="1"/>
    </xf>
    <xf numFmtId="177" fontId="10" fillId="0" borderId="30" xfId="1" applyNumberFormat="1" applyFont="1" applyFill="1" applyBorder="1" applyAlignment="1">
      <alignment horizontal="right" vertical="center" shrinkToFit="1"/>
    </xf>
    <xf numFmtId="49" fontId="8" fillId="2" borderId="21" xfId="1" applyNumberFormat="1" applyFont="1" applyFill="1" applyBorder="1" applyAlignment="1">
      <alignment horizontal="center" vertical="distributed" textRotation="255"/>
    </xf>
    <xf numFmtId="176" fontId="10" fillId="0" borderId="0" xfId="1" applyNumberFormat="1" applyFont="1" applyFill="1" applyBorder="1" applyAlignment="1">
      <alignment horizontal="right" vertical="center"/>
    </xf>
    <xf numFmtId="176" fontId="8" fillId="0" borderId="0" xfId="1" applyNumberFormat="1" applyFont="1" applyFill="1" applyBorder="1" applyAlignment="1">
      <alignment horizontal="right" vertical="center"/>
    </xf>
    <xf numFmtId="0" fontId="3" fillId="0" borderId="0" xfId="1" applyFont="1" applyFill="1" applyBorder="1" applyAlignment="1">
      <alignment horizontal="distributed" vertical="center"/>
    </xf>
    <xf numFmtId="177" fontId="8" fillId="0" borderId="29" xfId="1" applyNumberFormat="1" applyFont="1" applyFill="1" applyBorder="1" applyAlignment="1">
      <alignment horizontal="right" vertical="center" shrinkToFit="1"/>
    </xf>
    <xf numFmtId="177" fontId="10" fillId="0" borderId="26" xfId="1" applyNumberFormat="1" applyFont="1" applyFill="1" applyBorder="1" applyAlignment="1">
      <alignment horizontal="right" vertical="center" shrinkToFit="1"/>
    </xf>
    <xf numFmtId="177" fontId="10" fillId="0" borderId="28" xfId="1" applyNumberFormat="1" applyFont="1" applyFill="1" applyBorder="1" applyAlignment="1">
      <alignment horizontal="right" vertical="center" shrinkToFit="1"/>
    </xf>
    <xf numFmtId="177" fontId="8" fillId="0" borderId="27" xfId="1" applyNumberFormat="1" applyFont="1" applyFill="1" applyBorder="1" applyAlignment="1">
      <alignment horizontal="right" vertical="center" shrinkToFit="1"/>
    </xf>
    <xf numFmtId="177" fontId="10" fillId="0" borderId="25" xfId="1" applyNumberFormat="1" applyFont="1" applyFill="1" applyBorder="1" applyAlignment="1">
      <alignment horizontal="right" vertical="center" shrinkToFit="1"/>
    </xf>
    <xf numFmtId="177" fontId="10" fillId="0" borderId="0" xfId="1" applyNumberFormat="1" applyFont="1" applyFill="1" applyBorder="1" applyAlignment="1">
      <alignment horizontal="right" vertical="center" shrinkToFit="1"/>
    </xf>
    <xf numFmtId="177" fontId="10" fillId="0" borderId="12" xfId="1" applyNumberFormat="1" applyFont="1" applyFill="1" applyBorder="1" applyAlignment="1">
      <alignment horizontal="right" vertical="center" shrinkToFit="1"/>
    </xf>
    <xf numFmtId="177" fontId="10" fillId="0" borderId="0" xfId="1" applyNumberFormat="1" applyFont="1" applyFill="1" applyBorder="1" applyAlignment="1">
      <alignment horizontal="right" vertical="center"/>
    </xf>
    <xf numFmtId="49" fontId="8" fillId="0" borderId="0" xfId="1" applyNumberFormat="1" applyFont="1" applyFill="1" applyBorder="1" applyAlignment="1">
      <alignment horizontal="distributed" vertical="top"/>
    </xf>
    <xf numFmtId="49" fontId="8" fillId="0" borderId="34" xfId="1" applyNumberFormat="1" applyFont="1" applyFill="1" applyBorder="1" applyAlignment="1">
      <alignment horizontal="center" vertical="distributed" textRotation="255" wrapText="1"/>
    </xf>
    <xf numFmtId="49" fontId="8" fillId="0" borderId="42" xfId="1" applyNumberFormat="1" applyFont="1" applyFill="1" applyBorder="1" applyAlignment="1">
      <alignment horizontal="center" vertical="distributed" textRotation="255"/>
    </xf>
    <xf numFmtId="49" fontId="8" fillId="0" borderId="16" xfId="1" applyNumberFormat="1" applyFont="1" applyFill="1" applyBorder="1" applyAlignment="1">
      <alignment horizontal="center" vertical="distributed" textRotation="255"/>
    </xf>
    <xf numFmtId="49" fontId="8" fillId="0" borderId="15" xfId="1" applyNumberFormat="1" applyFont="1" applyFill="1" applyBorder="1" applyAlignment="1">
      <alignment horizontal="center" vertical="distributed" textRotation="255"/>
    </xf>
    <xf numFmtId="49" fontId="8" fillId="0" borderId="7" xfId="1" applyNumberFormat="1" applyFont="1" applyFill="1" applyBorder="1" applyAlignment="1">
      <alignment horizontal="center" vertical="distributed" textRotation="255"/>
    </xf>
    <xf numFmtId="49" fontId="8" fillId="0" borderId="6" xfId="1" applyNumberFormat="1" applyFont="1" applyFill="1" applyBorder="1" applyAlignment="1">
      <alignment horizontal="center" vertical="distributed" textRotation="255"/>
    </xf>
    <xf numFmtId="0" fontId="10" fillId="0" borderId="23" xfId="1" applyFont="1" applyFill="1" applyBorder="1" applyAlignment="1">
      <alignment vertical="center"/>
    </xf>
    <xf numFmtId="0" fontId="10" fillId="0" borderId="22" xfId="1" applyFont="1" applyFill="1" applyBorder="1" applyAlignment="1">
      <alignment vertical="center"/>
    </xf>
    <xf numFmtId="177" fontId="8" fillId="0" borderId="24" xfId="1" applyNumberFormat="1" applyFont="1" applyFill="1" applyBorder="1" applyAlignment="1">
      <alignment horizontal="right" vertical="center" shrinkToFit="1"/>
    </xf>
    <xf numFmtId="177" fontId="8" fillId="0" borderId="23" xfId="1" applyNumberFormat="1" applyFont="1" applyFill="1" applyBorder="1" applyAlignment="1">
      <alignment horizontal="right" vertical="center" shrinkToFit="1"/>
    </xf>
    <xf numFmtId="177" fontId="8" fillId="0" borderId="22" xfId="1" applyNumberFormat="1" applyFont="1" applyFill="1" applyBorder="1" applyAlignment="1">
      <alignment horizontal="right" vertical="center" shrinkToFit="1"/>
    </xf>
    <xf numFmtId="49" fontId="8" fillId="0" borderId="24" xfId="1" applyNumberFormat="1" applyFont="1" applyFill="1" applyBorder="1" applyAlignment="1">
      <alignment horizontal="center" vertical="distributed" textRotation="255"/>
    </xf>
    <xf numFmtId="49" fontId="8" fillId="0" borderId="13" xfId="1" applyNumberFormat="1" applyFont="1" applyFill="1" applyBorder="1" applyAlignment="1">
      <alignment horizontal="center" vertical="distributed" textRotation="255"/>
    </xf>
    <xf numFmtId="49" fontId="8" fillId="0" borderId="4" xfId="1" applyNumberFormat="1" applyFont="1" applyFill="1" applyBorder="1" applyAlignment="1">
      <alignment horizontal="center" vertical="distributed" textRotation="255"/>
    </xf>
    <xf numFmtId="49" fontId="6" fillId="0" borderId="22" xfId="1" applyNumberFormat="1" applyFont="1" applyFill="1" applyBorder="1" applyAlignment="1">
      <alignment horizontal="center" vertical="distributed" textRotation="255"/>
    </xf>
    <xf numFmtId="49" fontId="6" fillId="0" borderId="14" xfId="1" applyNumberFormat="1" applyFont="1" applyFill="1" applyBorder="1" applyAlignment="1">
      <alignment horizontal="center" vertical="distributed" textRotation="255"/>
    </xf>
    <xf numFmtId="49" fontId="6" fillId="0" borderId="5" xfId="1" applyNumberFormat="1" applyFont="1" applyFill="1" applyBorder="1" applyAlignment="1">
      <alignment horizontal="center" vertical="distributed" textRotation="255"/>
    </xf>
    <xf numFmtId="49" fontId="8" fillId="0" borderId="41" xfId="1" applyNumberFormat="1" applyFont="1" applyFill="1" applyBorder="1" applyAlignment="1">
      <alignment horizontal="distributed" vertical="center"/>
    </xf>
    <xf numFmtId="49" fontId="8" fillId="0" borderId="40" xfId="1" applyNumberFormat="1" applyFont="1" applyFill="1" applyBorder="1" applyAlignment="1">
      <alignment horizontal="distributed" vertical="center"/>
    </xf>
    <xf numFmtId="49" fontId="8" fillId="0" borderId="39" xfId="1" applyNumberFormat="1" applyFont="1" applyFill="1" applyBorder="1" applyAlignment="1">
      <alignment horizontal="distributed" vertical="center"/>
    </xf>
    <xf numFmtId="177" fontId="10" fillId="0" borderId="14" xfId="1" applyNumberFormat="1" applyFont="1" applyFill="1" applyBorder="1" applyAlignment="1">
      <alignment horizontal="right" vertical="center" shrinkToFit="1"/>
    </xf>
    <xf numFmtId="49" fontId="8" fillId="0" borderId="37" xfId="1" applyNumberFormat="1" applyFont="1" applyFill="1" applyBorder="1" applyAlignment="1">
      <alignment horizontal="distributed" vertical="center"/>
    </xf>
    <xf numFmtId="49" fontId="8" fillId="0" borderId="36" xfId="1" applyNumberFormat="1" applyFont="1" applyFill="1" applyBorder="1" applyAlignment="1">
      <alignment horizontal="distributed" vertical="center"/>
    </xf>
    <xf numFmtId="49" fontId="8" fillId="0" borderId="35" xfId="1" applyNumberFormat="1" applyFont="1" applyFill="1" applyBorder="1" applyAlignment="1">
      <alignment horizontal="distributed" vertical="center"/>
    </xf>
    <xf numFmtId="177" fontId="8" fillId="0" borderId="37" xfId="1" applyNumberFormat="1" applyFont="1" applyFill="1" applyBorder="1" applyAlignment="1">
      <alignment horizontal="right" vertical="center" shrinkToFit="1"/>
    </xf>
    <xf numFmtId="176" fontId="8" fillId="0" borderId="36" xfId="1" applyNumberFormat="1" applyFont="1" applyFill="1" applyBorder="1" applyAlignment="1">
      <alignment horizontal="right" vertical="center" shrinkToFit="1"/>
    </xf>
    <xf numFmtId="49" fontId="8" fillId="0" borderId="43" xfId="1" applyNumberFormat="1" applyFont="1" applyFill="1" applyBorder="1" applyAlignment="1">
      <alignment horizontal="distributed" vertical="center"/>
    </xf>
    <xf numFmtId="49" fontId="8" fillId="0" borderId="31" xfId="1" applyNumberFormat="1" applyFont="1" applyFill="1" applyBorder="1" applyAlignment="1">
      <alignment horizontal="distributed" vertical="center" wrapText="1"/>
    </xf>
    <xf numFmtId="49" fontId="8" fillId="0" borderId="42" xfId="1" applyNumberFormat="1" applyFont="1" applyFill="1" applyBorder="1" applyAlignment="1">
      <alignment horizontal="distributed" vertical="center" wrapText="1"/>
    </xf>
    <xf numFmtId="49" fontId="8" fillId="0" borderId="44" xfId="1" applyNumberFormat="1" applyFont="1" applyFill="1" applyBorder="1" applyAlignment="1">
      <alignment horizontal="distributed" vertical="center"/>
    </xf>
    <xf numFmtId="177" fontId="8" fillId="0" borderId="13" xfId="1" applyNumberFormat="1" applyFont="1" applyFill="1" applyBorder="1" applyAlignment="1">
      <alignment horizontal="right" vertical="center"/>
    </xf>
    <xf numFmtId="177" fontId="8" fillId="0" borderId="0" xfId="1" applyNumberFormat="1" applyFont="1" applyFill="1" applyBorder="1" applyAlignment="1">
      <alignment horizontal="right" vertical="center"/>
    </xf>
    <xf numFmtId="178" fontId="8" fillId="0" borderId="0" xfId="1" applyNumberFormat="1" applyFont="1" applyFill="1" applyBorder="1" applyAlignment="1">
      <alignment horizontal="right" vertical="center"/>
    </xf>
    <xf numFmtId="49" fontId="8" fillId="0" borderId="16" xfId="1" applyNumberFormat="1" applyFont="1" applyFill="1" applyBorder="1" applyAlignment="1">
      <alignment horizontal="distributed" vertical="center"/>
    </xf>
    <xf numFmtId="49" fontId="9" fillId="0" borderId="24" xfId="1" applyNumberFormat="1" applyFont="1" applyFill="1" applyBorder="1" applyAlignment="1">
      <alignment horizontal="distributed" vertical="center" wrapText="1"/>
    </xf>
    <xf numFmtId="49" fontId="9" fillId="0" borderId="23" xfId="1" applyNumberFormat="1" applyFont="1" applyFill="1" applyBorder="1" applyAlignment="1">
      <alignment horizontal="distributed" vertical="center" wrapText="1"/>
    </xf>
    <xf numFmtId="49" fontId="9" fillId="0" borderId="22" xfId="1" applyNumberFormat="1" applyFont="1" applyFill="1" applyBorder="1" applyAlignment="1">
      <alignment horizontal="distributed" vertical="center" wrapText="1"/>
    </xf>
    <xf numFmtId="49" fontId="9" fillId="0" borderId="13" xfId="1" applyNumberFormat="1" applyFont="1" applyFill="1" applyBorder="1" applyAlignment="1">
      <alignment horizontal="distributed" vertical="center" wrapText="1"/>
    </xf>
    <xf numFmtId="49" fontId="9" fillId="0" borderId="0" xfId="1" applyNumberFormat="1" applyFont="1" applyFill="1" applyBorder="1" applyAlignment="1">
      <alignment horizontal="distributed" vertical="center" wrapText="1"/>
    </xf>
    <xf numFmtId="49" fontId="9" fillId="0" borderId="14" xfId="1" applyNumberFormat="1" applyFont="1" applyFill="1" applyBorder="1" applyAlignment="1">
      <alignment horizontal="distributed" vertical="center" wrapText="1"/>
    </xf>
    <xf numFmtId="49" fontId="9" fillId="0" borderId="41" xfId="1" applyNumberFormat="1" applyFont="1" applyFill="1" applyBorder="1" applyAlignment="1">
      <alignment horizontal="distributed" vertical="center" wrapText="1"/>
    </xf>
    <xf numFmtId="49" fontId="9" fillId="0" borderId="40" xfId="1" applyNumberFormat="1" applyFont="1" applyFill="1" applyBorder="1" applyAlignment="1">
      <alignment horizontal="distributed" vertical="center" wrapText="1"/>
    </xf>
    <xf numFmtId="49" fontId="9" fillId="0" borderId="39" xfId="1" applyNumberFormat="1" applyFont="1" applyFill="1" applyBorder="1" applyAlignment="1">
      <alignment horizontal="distributed" vertical="center" wrapText="1"/>
    </xf>
    <xf numFmtId="176" fontId="8" fillId="0" borderId="14" xfId="1" applyNumberFormat="1" applyFont="1" applyFill="1" applyBorder="1" applyAlignment="1">
      <alignment horizontal="right" vertical="center" shrinkToFit="1"/>
    </xf>
    <xf numFmtId="49" fontId="8" fillId="0" borderId="51" xfId="1" applyNumberFormat="1" applyFont="1" applyFill="1" applyBorder="1" applyAlignment="1">
      <alignment horizontal="distributed" vertical="center"/>
    </xf>
    <xf numFmtId="49" fontId="8" fillId="0" borderId="50" xfId="1" applyNumberFormat="1" applyFont="1" applyFill="1" applyBorder="1" applyAlignment="1">
      <alignment horizontal="distributed" vertical="center"/>
    </xf>
    <xf numFmtId="177" fontId="8" fillId="0" borderId="49" xfId="1" applyNumberFormat="1" applyFont="1" applyFill="1" applyBorder="1" applyAlignment="1">
      <alignment horizontal="right" vertical="center" shrinkToFit="1"/>
    </xf>
    <xf numFmtId="177" fontId="10" fillId="0" borderId="46" xfId="1" applyNumberFormat="1" applyFont="1" applyFill="1" applyBorder="1" applyAlignment="1">
      <alignment horizontal="right" vertical="center" shrinkToFit="1"/>
    </xf>
    <xf numFmtId="177" fontId="10" fillId="0" borderId="48" xfId="1" applyNumberFormat="1" applyFont="1" applyFill="1" applyBorder="1" applyAlignment="1">
      <alignment horizontal="right" vertical="center" shrinkToFit="1"/>
    </xf>
    <xf numFmtId="177" fontId="8" fillId="0" borderId="47" xfId="1" applyNumberFormat="1" applyFont="1" applyFill="1" applyBorder="1" applyAlignment="1">
      <alignment horizontal="right" vertical="center" shrinkToFit="1"/>
    </xf>
    <xf numFmtId="177" fontId="10" fillId="0" borderId="45" xfId="1" applyNumberFormat="1" applyFont="1" applyFill="1" applyBorder="1" applyAlignment="1">
      <alignment horizontal="right" vertical="center" shrinkToFit="1"/>
    </xf>
    <xf numFmtId="49" fontId="8" fillId="0" borderId="24" xfId="1" applyNumberFormat="1" applyFont="1" applyFill="1" applyBorder="1" applyAlignment="1">
      <alignment horizontal="distributed" vertical="center" wrapText="1"/>
    </xf>
    <xf numFmtId="49" fontId="8" fillId="0" borderId="23" xfId="1" applyNumberFormat="1" applyFont="1" applyFill="1" applyBorder="1" applyAlignment="1">
      <alignment horizontal="distributed" vertical="center" wrapText="1"/>
    </xf>
    <xf numFmtId="49" fontId="8" fillId="0" borderId="22" xfId="1" applyNumberFormat="1" applyFont="1" applyFill="1" applyBorder="1" applyAlignment="1">
      <alignment horizontal="distributed" vertical="center" wrapText="1"/>
    </xf>
    <xf numFmtId="49" fontId="8" fillId="0" borderId="13" xfId="1" applyNumberFormat="1" applyFont="1" applyFill="1" applyBorder="1" applyAlignment="1">
      <alignment horizontal="distributed" vertical="center" wrapText="1"/>
    </xf>
    <xf numFmtId="49" fontId="8" fillId="0" borderId="0" xfId="1" applyNumberFormat="1" applyFont="1" applyFill="1" applyBorder="1" applyAlignment="1">
      <alignment horizontal="distributed" vertical="center" wrapText="1"/>
    </xf>
    <xf numFmtId="49" fontId="8" fillId="0" borderId="14" xfId="1" applyNumberFormat="1" applyFont="1" applyFill="1" applyBorder="1" applyAlignment="1">
      <alignment horizontal="distributed" vertical="center" wrapText="1"/>
    </xf>
    <xf numFmtId="49" fontId="8" fillId="0" borderId="41" xfId="1" applyNumberFormat="1" applyFont="1" applyFill="1" applyBorder="1" applyAlignment="1">
      <alignment horizontal="distributed" vertical="center" wrapText="1"/>
    </xf>
    <xf numFmtId="49" fontId="8" fillId="0" borderId="40" xfId="1" applyNumberFormat="1" applyFont="1" applyFill="1" applyBorder="1" applyAlignment="1">
      <alignment horizontal="distributed" vertical="center" wrapText="1"/>
    </xf>
    <xf numFmtId="49" fontId="8" fillId="0" borderId="39" xfId="1" applyNumberFormat="1" applyFont="1" applyFill="1" applyBorder="1" applyAlignment="1">
      <alignment horizontal="distributed" vertical="center" wrapText="1"/>
    </xf>
    <xf numFmtId="49" fontId="9" fillId="0" borderId="0" xfId="1" applyNumberFormat="1" applyFont="1" applyFill="1" applyBorder="1" applyAlignment="1">
      <alignment horizontal="distributed" vertical="center"/>
    </xf>
    <xf numFmtId="49" fontId="9" fillId="0" borderId="14" xfId="1" applyNumberFormat="1" applyFont="1" applyFill="1" applyBorder="1" applyAlignment="1">
      <alignment horizontal="distributed" vertical="center"/>
    </xf>
    <xf numFmtId="176" fontId="10" fillId="0" borderId="14" xfId="1" applyNumberFormat="1" applyFont="1" applyFill="1" applyBorder="1" applyAlignment="1">
      <alignment horizontal="right" vertical="center" shrinkToFit="1"/>
    </xf>
    <xf numFmtId="176" fontId="10" fillId="0" borderId="12" xfId="1" applyNumberFormat="1" applyFont="1" applyFill="1" applyBorder="1" applyAlignment="1">
      <alignment horizontal="right" vertical="center" shrinkToFit="1"/>
    </xf>
    <xf numFmtId="0" fontId="12" fillId="0" borderId="40" xfId="1" applyFont="1" applyBorder="1" applyAlignment="1">
      <alignment vertical="center"/>
    </xf>
    <xf numFmtId="49" fontId="9" fillId="0" borderId="40" xfId="1" applyNumberFormat="1" applyFont="1" applyFill="1" applyBorder="1" applyAlignment="1">
      <alignment horizontal="distributed" vertical="center"/>
    </xf>
    <xf numFmtId="49" fontId="9" fillId="0" borderId="39" xfId="1" applyNumberFormat="1" applyFont="1" applyFill="1" applyBorder="1" applyAlignment="1">
      <alignment horizontal="distributed" vertical="center"/>
    </xf>
    <xf numFmtId="176" fontId="8" fillId="0" borderId="41" xfId="1" applyNumberFormat="1" applyFont="1" applyFill="1" applyBorder="1" applyAlignment="1">
      <alignment horizontal="right" vertical="center" shrinkToFit="1"/>
    </xf>
    <xf numFmtId="176" fontId="10" fillId="0" borderId="40" xfId="1" applyNumberFormat="1" applyFont="1" applyFill="1" applyBorder="1" applyAlignment="1">
      <alignment horizontal="right" vertical="center" shrinkToFit="1"/>
    </xf>
    <xf numFmtId="176" fontId="10" fillId="0" borderId="39" xfId="1" applyNumberFormat="1" applyFont="1" applyFill="1" applyBorder="1" applyAlignment="1">
      <alignment horizontal="right" vertical="center" shrinkToFit="1"/>
    </xf>
    <xf numFmtId="176" fontId="10" fillId="0" borderId="52" xfId="1" applyNumberFormat="1" applyFont="1" applyFill="1" applyBorder="1" applyAlignment="1">
      <alignment horizontal="right" vertical="center" shrinkToFit="1"/>
    </xf>
    <xf numFmtId="49" fontId="9" fillId="0" borderId="23" xfId="1" applyNumberFormat="1" applyFont="1" applyFill="1" applyBorder="1" applyAlignment="1">
      <alignment horizontal="distributed" vertical="center"/>
    </xf>
    <xf numFmtId="49" fontId="9" fillId="0" borderId="22" xfId="1" applyNumberFormat="1" applyFont="1" applyFill="1" applyBorder="1" applyAlignment="1">
      <alignment horizontal="distributed" vertical="center"/>
    </xf>
    <xf numFmtId="179" fontId="8" fillId="0" borderId="24" xfId="1" applyNumberFormat="1" applyFont="1" applyFill="1" applyBorder="1" applyAlignment="1">
      <alignment horizontal="right" vertical="center" shrinkToFit="1"/>
    </xf>
    <xf numFmtId="179" fontId="10" fillId="0" borderId="23" xfId="1" applyNumberFormat="1" applyFont="1" applyFill="1" applyBorder="1" applyAlignment="1">
      <alignment horizontal="right" vertical="center" shrinkToFit="1"/>
    </xf>
    <xf numFmtId="179" fontId="10" fillId="0" borderId="22" xfId="1" applyNumberFormat="1" applyFont="1" applyFill="1" applyBorder="1" applyAlignment="1">
      <alignment horizontal="right" vertical="center" shrinkToFit="1"/>
    </xf>
    <xf numFmtId="179" fontId="10" fillId="0" borderId="53" xfId="1" applyNumberFormat="1" applyFont="1" applyFill="1" applyBorder="1" applyAlignment="1">
      <alignment horizontal="right" vertical="center" shrinkToFit="1"/>
    </xf>
    <xf numFmtId="0" fontId="10" fillId="0" borderId="13" xfId="1" applyFont="1" applyFill="1" applyBorder="1" applyAlignment="1">
      <alignment horizontal="distributed" vertical="center"/>
    </xf>
    <xf numFmtId="0" fontId="10" fillId="0" borderId="0" xfId="1" applyFont="1" applyFill="1" applyBorder="1" applyAlignment="1">
      <alignment horizontal="distributed" vertical="center"/>
    </xf>
    <xf numFmtId="0" fontId="10" fillId="0" borderId="14" xfId="1" applyFont="1" applyFill="1" applyBorder="1" applyAlignment="1">
      <alignment horizontal="distributed" vertical="center"/>
    </xf>
    <xf numFmtId="0" fontId="12" fillId="0" borderId="0" xfId="1" applyFont="1" applyBorder="1" applyAlignment="1">
      <alignment vertical="center"/>
    </xf>
    <xf numFmtId="179" fontId="8" fillId="0" borderId="13" xfId="1" applyNumberFormat="1" applyFont="1" applyFill="1" applyBorder="1" applyAlignment="1">
      <alignment horizontal="right" vertical="center" shrinkToFit="1"/>
    </xf>
    <xf numFmtId="179" fontId="10" fillId="0" borderId="0" xfId="1" applyNumberFormat="1" applyFont="1" applyFill="1" applyBorder="1" applyAlignment="1">
      <alignment horizontal="right" vertical="center" shrinkToFit="1"/>
    </xf>
    <xf numFmtId="179" fontId="10" fillId="0" borderId="14" xfId="1" applyNumberFormat="1" applyFont="1" applyFill="1" applyBorder="1" applyAlignment="1">
      <alignment horizontal="right" vertical="center" shrinkToFit="1"/>
    </xf>
    <xf numFmtId="179" fontId="10" fillId="0" borderId="12" xfId="1" applyNumberFormat="1" applyFont="1" applyFill="1" applyBorder="1" applyAlignment="1">
      <alignment horizontal="right" vertical="center" shrinkToFit="1"/>
    </xf>
    <xf numFmtId="49" fontId="8" fillId="0" borderId="24" xfId="1" applyNumberFormat="1" applyFont="1" applyFill="1" applyBorder="1" applyAlignment="1">
      <alignment horizontal="center" vertical="distributed" textRotation="255" wrapText="1"/>
    </xf>
    <xf numFmtId="49" fontId="8" fillId="0" borderId="22" xfId="1" applyNumberFormat="1" applyFont="1" applyFill="1" applyBorder="1" applyAlignment="1">
      <alignment horizontal="center" vertical="distributed" textRotation="255" wrapText="1"/>
    </xf>
    <xf numFmtId="49" fontId="8" fillId="0" borderId="13" xfId="1" applyNumberFormat="1" applyFont="1" applyFill="1" applyBorder="1" applyAlignment="1">
      <alignment horizontal="center" vertical="distributed" textRotation="255" wrapText="1"/>
    </xf>
    <xf numFmtId="49" fontId="8" fillId="0" borderId="14" xfId="1" applyNumberFormat="1" applyFont="1" applyFill="1" applyBorder="1" applyAlignment="1">
      <alignment horizontal="center" vertical="distributed" textRotation="255" wrapText="1"/>
    </xf>
    <xf numFmtId="49" fontId="8" fillId="0" borderId="41" xfId="1" applyNumberFormat="1" applyFont="1" applyFill="1" applyBorder="1" applyAlignment="1">
      <alignment horizontal="center" vertical="distributed" textRotation="255" wrapText="1"/>
    </xf>
    <xf numFmtId="49" fontId="8" fillId="0" borderId="39" xfId="1" applyNumberFormat="1" applyFont="1" applyFill="1" applyBorder="1" applyAlignment="1">
      <alignment horizontal="center" vertical="distributed" textRotation="255" wrapText="1"/>
    </xf>
    <xf numFmtId="0" fontId="12" fillId="0" borderId="23" xfId="1" applyFont="1" applyBorder="1" applyAlignment="1">
      <alignment vertical="center"/>
    </xf>
    <xf numFmtId="49" fontId="8" fillId="2" borderId="38" xfId="1" applyNumberFormat="1" applyFont="1" applyFill="1" applyBorder="1" applyAlignment="1">
      <alignment horizontal="center" vertical="distributed" textRotation="255"/>
    </xf>
    <xf numFmtId="49" fontId="8" fillId="2" borderId="20" xfId="1" applyNumberFormat="1" applyFont="1" applyFill="1" applyBorder="1" applyAlignment="1">
      <alignment horizontal="center" vertical="distributed" textRotation="255"/>
    </xf>
    <xf numFmtId="49" fontId="8" fillId="0" borderId="37" xfId="1" applyNumberFormat="1" applyFont="1" applyFill="1" applyBorder="1" applyAlignment="1">
      <alignment horizontal="distributed" vertical="center" wrapText="1"/>
    </xf>
    <xf numFmtId="49" fontId="8" fillId="0" borderId="36" xfId="1" applyNumberFormat="1" applyFont="1" applyFill="1" applyBorder="1" applyAlignment="1">
      <alignment horizontal="distributed" vertical="center" wrapText="1"/>
    </xf>
    <xf numFmtId="0" fontId="13" fillId="0" borderId="36" xfId="1" applyFont="1" applyFill="1" applyBorder="1" applyAlignment="1">
      <alignment horizontal="right" vertical="center"/>
    </xf>
    <xf numFmtId="0" fontId="13" fillId="0" borderId="0" xfId="1" applyFont="1" applyFill="1" applyBorder="1" applyAlignment="1">
      <alignment horizontal="right" vertical="center"/>
    </xf>
    <xf numFmtId="49" fontId="6" fillId="0" borderId="36" xfId="1" applyNumberFormat="1" applyFont="1" applyFill="1" applyBorder="1" applyAlignment="1">
      <alignment horizontal="distributed" vertical="center"/>
    </xf>
    <xf numFmtId="49" fontId="6" fillId="0" borderId="35" xfId="1" applyNumberFormat="1" applyFont="1" applyFill="1" applyBorder="1" applyAlignment="1">
      <alignment horizontal="distributed" vertical="center"/>
    </xf>
    <xf numFmtId="176" fontId="8" fillId="0" borderId="35" xfId="1" applyNumberFormat="1" applyFont="1" applyFill="1" applyBorder="1" applyAlignment="1">
      <alignment horizontal="right" vertical="center" shrinkToFit="1"/>
    </xf>
    <xf numFmtId="49" fontId="6" fillId="0" borderId="0" xfId="1" applyNumberFormat="1" applyFont="1" applyFill="1" applyBorder="1" applyAlignment="1">
      <alignment horizontal="distributed" vertical="center"/>
    </xf>
    <xf numFmtId="49" fontId="6" fillId="0" borderId="14" xfId="1" applyNumberFormat="1" applyFont="1" applyFill="1" applyBorder="1" applyAlignment="1">
      <alignment horizontal="distributed" vertical="center"/>
    </xf>
    <xf numFmtId="0" fontId="10" fillId="0" borderId="19" xfId="1" applyFont="1" applyFill="1" applyBorder="1" applyAlignment="1">
      <alignment horizontal="distributed" vertical="center"/>
    </xf>
    <xf numFmtId="0" fontId="10" fillId="0" borderId="18" xfId="1" applyFont="1" applyFill="1" applyBorder="1" applyAlignment="1">
      <alignment horizontal="distributed" vertical="center"/>
    </xf>
    <xf numFmtId="0" fontId="10" fillId="0" borderId="17" xfId="1" applyFont="1" applyFill="1" applyBorder="1" applyAlignment="1">
      <alignment horizontal="distributed" vertical="center"/>
    </xf>
    <xf numFmtId="176" fontId="8" fillId="0" borderId="17" xfId="1" applyNumberFormat="1" applyFont="1" applyFill="1" applyBorder="1" applyAlignment="1">
      <alignment horizontal="right" vertical="center" shrinkToFit="1"/>
    </xf>
    <xf numFmtId="0" fontId="2" fillId="0" borderId="0" xfId="1" applyBorder="1" applyAlignment="1">
      <alignment vertical="center"/>
    </xf>
    <xf numFmtId="0" fontId="2" fillId="0" borderId="14" xfId="1" applyBorder="1" applyAlignment="1">
      <alignment vertical="center"/>
    </xf>
    <xf numFmtId="177" fontId="8" fillId="0" borderId="31" xfId="1" applyNumberFormat="1" applyFont="1" applyFill="1" applyBorder="1" applyAlignment="1">
      <alignment horizontal="right" vertical="center" shrinkToFit="1"/>
    </xf>
    <xf numFmtId="49" fontId="6" fillId="0" borderId="41" xfId="1" applyNumberFormat="1" applyFont="1" applyFill="1" applyBorder="1" applyAlignment="1">
      <alignment horizontal="distributed" vertical="center"/>
    </xf>
    <xf numFmtId="49" fontId="6" fillId="0" borderId="40" xfId="1" applyNumberFormat="1" applyFont="1" applyFill="1" applyBorder="1" applyAlignment="1">
      <alignment horizontal="distributed" vertical="center"/>
    </xf>
    <xf numFmtId="49" fontId="6" fillId="0" borderId="39" xfId="1" applyNumberFormat="1" applyFont="1" applyFill="1" applyBorder="1" applyAlignment="1">
      <alignment horizontal="distributed" vertical="center"/>
    </xf>
    <xf numFmtId="177" fontId="10" fillId="0" borderId="24" xfId="1" applyNumberFormat="1" applyFont="1" applyFill="1" applyBorder="1" applyAlignment="1">
      <alignment horizontal="right" vertical="center" shrinkToFit="1"/>
    </xf>
    <xf numFmtId="177" fontId="10" fillId="0" borderId="23" xfId="1" applyNumberFormat="1" applyFont="1" applyFill="1" applyBorder="1" applyAlignment="1">
      <alignment horizontal="right" vertical="center" shrinkToFit="1"/>
    </xf>
    <xf numFmtId="176" fontId="10" fillId="0" borderId="23" xfId="1" applyNumberFormat="1" applyFont="1" applyFill="1" applyBorder="1" applyAlignment="1">
      <alignment horizontal="right" vertical="center" shrinkToFit="1"/>
    </xf>
    <xf numFmtId="177" fontId="10" fillId="0" borderId="22" xfId="1" applyNumberFormat="1" applyFont="1" applyFill="1" applyBorder="1" applyAlignment="1">
      <alignment horizontal="right" vertical="center" shrinkToFit="1"/>
    </xf>
    <xf numFmtId="0" fontId="10" fillId="0" borderId="23" xfId="1" applyFont="1" applyBorder="1" applyAlignment="1">
      <alignment horizontal="distributed" vertical="center"/>
    </xf>
    <xf numFmtId="0" fontId="10" fillId="0" borderId="40" xfId="1" applyFont="1" applyBorder="1" applyAlignment="1">
      <alignment horizontal="distributed" vertical="center"/>
    </xf>
    <xf numFmtId="49" fontId="8" fillId="0" borderId="53" xfId="1" applyNumberFormat="1" applyFont="1" applyFill="1" applyBorder="1" applyAlignment="1">
      <alignment horizontal="distributed" vertical="center"/>
    </xf>
    <xf numFmtId="49" fontId="8" fillId="0" borderId="52" xfId="1" applyNumberFormat="1" applyFont="1" applyFill="1" applyBorder="1" applyAlignment="1">
      <alignment horizontal="distributed" vertical="center"/>
    </xf>
    <xf numFmtId="49" fontId="8" fillId="0" borderId="31" xfId="1" applyNumberFormat="1" applyFont="1" applyFill="1" applyBorder="1" applyAlignment="1">
      <alignment horizontal="distributed" vertical="center"/>
    </xf>
    <xf numFmtId="49" fontId="8" fillId="0" borderId="34" xfId="1" applyNumberFormat="1" applyFont="1" applyFill="1" applyBorder="1" applyAlignment="1">
      <alignment horizontal="distributed" vertical="center"/>
    </xf>
    <xf numFmtId="49" fontId="8" fillId="0" borderId="42" xfId="1" applyNumberFormat="1" applyFont="1" applyFill="1" applyBorder="1" applyAlignment="1">
      <alignment horizontal="distributed" vertical="center"/>
    </xf>
    <xf numFmtId="49" fontId="8" fillId="0" borderId="55" xfId="1" applyNumberFormat="1" applyFont="1" applyFill="1" applyBorder="1" applyAlignment="1">
      <alignment horizontal="distributed" vertical="center"/>
    </xf>
    <xf numFmtId="49" fontId="8" fillId="0" borderId="49" xfId="1" applyNumberFormat="1" applyFont="1" applyFill="1" applyBorder="1" applyAlignment="1">
      <alignment horizontal="distributed" vertical="center" wrapText="1"/>
    </xf>
    <xf numFmtId="49" fontId="8" fillId="0" borderId="46" xfId="1" applyNumberFormat="1" applyFont="1" applyFill="1" applyBorder="1" applyAlignment="1">
      <alignment horizontal="distributed" vertical="center" wrapText="1"/>
    </xf>
    <xf numFmtId="49" fontId="8" fillId="0" borderId="56" xfId="1" applyNumberFormat="1" applyFont="1" applyFill="1" applyBorder="1" applyAlignment="1">
      <alignment horizontal="distributed" vertical="center" wrapText="1"/>
    </xf>
    <xf numFmtId="0" fontId="3" fillId="0" borderId="24" xfId="1" applyFont="1" applyFill="1" applyBorder="1" applyAlignment="1">
      <alignment horizontal="center" vertical="center"/>
    </xf>
    <xf numFmtId="0" fontId="3" fillId="0" borderId="23" xfId="1" applyFont="1" applyBorder="1" applyAlignment="1">
      <alignment vertical="center"/>
    </xf>
    <xf numFmtId="176" fontId="8" fillId="0" borderId="31" xfId="1" applyNumberFormat="1" applyFont="1" applyFill="1" applyBorder="1" applyAlignment="1">
      <alignment horizontal="right" vertical="center" shrinkToFit="1"/>
    </xf>
    <xf numFmtId="176" fontId="8" fillId="0" borderId="33" xfId="1" applyNumberFormat="1" applyFont="1" applyFill="1" applyBorder="1" applyAlignment="1">
      <alignment horizontal="right" vertical="center" shrinkToFit="1"/>
    </xf>
    <xf numFmtId="49" fontId="6" fillId="0" borderId="23" xfId="1" applyNumberFormat="1" applyFont="1" applyFill="1" applyBorder="1" applyAlignment="1">
      <alignment horizontal="center" vertical="center"/>
    </xf>
    <xf numFmtId="0" fontId="3" fillId="0" borderId="22" xfId="1" applyFont="1" applyBorder="1" applyAlignment="1">
      <alignment vertical="center"/>
    </xf>
    <xf numFmtId="49" fontId="8" fillId="0" borderId="23" xfId="1" applyNumberFormat="1" applyFont="1" applyFill="1" applyBorder="1" applyAlignment="1">
      <alignment horizontal="center" vertical="center"/>
    </xf>
    <xf numFmtId="0" fontId="2" fillId="0" borderId="23" xfId="1" applyBorder="1" applyAlignment="1">
      <alignment vertical="center"/>
    </xf>
    <xf numFmtId="0" fontId="2" fillId="0" borderId="22" xfId="1" applyBorder="1" applyAlignment="1">
      <alignment vertical="center"/>
    </xf>
    <xf numFmtId="177" fontId="10" fillId="0" borderId="53" xfId="1" applyNumberFormat="1" applyFont="1" applyFill="1" applyBorder="1" applyAlignment="1">
      <alignment horizontal="right" vertical="center" shrinkToFit="1"/>
    </xf>
    <xf numFmtId="49" fontId="8" fillId="0" borderId="54" xfId="1" applyNumberFormat="1" applyFont="1" applyFill="1" applyBorder="1" applyAlignment="1">
      <alignment horizontal="distributed" vertical="center"/>
    </xf>
    <xf numFmtId="49" fontId="8" fillId="0" borderId="33" xfId="1" applyNumberFormat="1" applyFont="1" applyFill="1" applyBorder="1" applyAlignment="1">
      <alignment horizontal="distributed" vertical="center"/>
    </xf>
    <xf numFmtId="49" fontId="8" fillId="0" borderId="57" xfId="1" applyNumberFormat="1" applyFont="1" applyFill="1" applyBorder="1" applyAlignment="1">
      <alignment horizontal="distributed" vertical="center"/>
    </xf>
    <xf numFmtId="176" fontId="8" fillId="0" borderId="15" xfId="1" applyNumberFormat="1" applyFont="1" applyFill="1" applyBorder="1" applyAlignment="1">
      <alignment horizontal="right" vertical="center" shrinkToFit="1"/>
    </xf>
    <xf numFmtId="49" fontId="8" fillId="0" borderId="26" xfId="1" applyNumberFormat="1" applyFont="1" applyFill="1" applyBorder="1" applyAlignment="1">
      <alignment horizontal="distributed" vertical="center"/>
    </xf>
    <xf numFmtId="177" fontId="8" fillId="0" borderId="41" xfId="1" applyNumberFormat="1" applyFont="1" applyFill="1" applyBorder="1" applyAlignment="1">
      <alignment horizontal="right" vertical="center" shrinkToFit="1"/>
    </xf>
    <xf numFmtId="177" fontId="8" fillId="0" borderId="40" xfId="1" applyNumberFormat="1" applyFont="1" applyFill="1" applyBorder="1" applyAlignment="1">
      <alignment horizontal="right" vertical="center" shrinkToFit="1"/>
    </xf>
    <xf numFmtId="176" fontId="8" fillId="0" borderId="40" xfId="1" applyNumberFormat="1" applyFont="1" applyFill="1" applyBorder="1" applyAlignment="1">
      <alignment horizontal="right" vertical="center" shrinkToFit="1"/>
    </xf>
    <xf numFmtId="177" fontId="3" fillId="0" borderId="40" xfId="1" applyNumberFormat="1" applyFont="1" applyFill="1" applyBorder="1" applyAlignment="1">
      <alignment horizontal="right" vertical="center" shrinkToFit="1"/>
    </xf>
    <xf numFmtId="177" fontId="3" fillId="0" borderId="39" xfId="1" applyNumberFormat="1" applyFont="1" applyFill="1" applyBorder="1" applyAlignment="1">
      <alignment horizontal="right" vertical="center" shrinkToFit="1"/>
    </xf>
    <xf numFmtId="49" fontId="8" fillId="0" borderId="41" xfId="1" applyNumberFormat="1" applyFont="1" applyFill="1" applyBorder="1" applyAlignment="1">
      <alignment horizontal="center" vertical="center"/>
    </xf>
    <xf numFmtId="49" fontId="8" fillId="0" borderId="39" xfId="1" applyNumberFormat="1" applyFont="1" applyFill="1" applyBorder="1" applyAlignment="1">
      <alignment horizontal="center" vertical="center"/>
    </xf>
    <xf numFmtId="0" fontId="3" fillId="0" borderId="41" xfId="1" applyFont="1" applyFill="1" applyBorder="1" applyAlignment="1">
      <alignment horizontal="center" vertical="center"/>
    </xf>
    <xf numFmtId="0" fontId="3" fillId="0" borderId="40" xfId="1" applyFont="1" applyFill="1" applyBorder="1" applyAlignment="1">
      <alignment horizontal="center" vertical="center"/>
    </xf>
    <xf numFmtId="0" fontId="3" fillId="0" borderId="39" xfId="1" applyFont="1" applyFill="1" applyBorder="1" applyAlignment="1">
      <alignment horizontal="center" vertical="center"/>
    </xf>
    <xf numFmtId="0" fontId="10" fillId="0" borderId="41" xfId="1" applyFont="1" applyFill="1" applyBorder="1" applyAlignment="1">
      <alignment horizontal="right" vertical="center" wrapText="1"/>
    </xf>
    <xf numFmtId="0" fontId="10" fillId="0" borderId="40" xfId="1" applyFont="1" applyFill="1" applyBorder="1" applyAlignment="1">
      <alignment horizontal="right" vertical="center" wrapText="1"/>
    </xf>
    <xf numFmtId="49" fontId="8" fillId="0" borderId="40" xfId="1" applyNumberFormat="1" applyFont="1" applyFill="1" applyBorder="1" applyAlignment="1">
      <alignment horizontal="right" vertical="center" wrapText="1"/>
    </xf>
    <xf numFmtId="0" fontId="10" fillId="0" borderId="52" xfId="1" applyFont="1" applyFill="1" applyBorder="1" applyAlignment="1">
      <alignment horizontal="right" vertical="center" wrapText="1"/>
    </xf>
    <xf numFmtId="49" fontId="8" fillId="0" borderId="13" xfId="1" applyNumberFormat="1" applyFont="1" applyFill="1" applyBorder="1" applyAlignment="1">
      <alignment horizontal="center" vertical="center"/>
    </xf>
    <xf numFmtId="49" fontId="8" fillId="0" borderId="14" xfId="1" applyNumberFormat="1" applyFont="1" applyFill="1" applyBorder="1" applyAlignment="1">
      <alignment horizontal="center" vertical="center"/>
    </xf>
    <xf numFmtId="177" fontId="10" fillId="0" borderId="13" xfId="1" applyNumberFormat="1" applyFont="1" applyFill="1" applyBorder="1" applyAlignment="1">
      <alignment horizontal="right" vertical="center" shrinkToFit="1"/>
    </xf>
    <xf numFmtId="180" fontId="8" fillId="0" borderId="0" xfId="1" applyNumberFormat="1" applyFont="1" applyFill="1" applyBorder="1" applyAlignment="1">
      <alignment horizontal="right" vertical="center" shrinkToFit="1"/>
    </xf>
    <xf numFmtId="177" fontId="3" fillId="0" borderId="0" xfId="1" applyNumberFormat="1" applyFont="1" applyFill="1" applyBorder="1" applyAlignment="1">
      <alignment horizontal="right" vertical="center" shrinkToFit="1"/>
    </xf>
    <xf numFmtId="177" fontId="3" fillId="0" borderId="14" xfId="1" applyNumberFormat="1" applyFont="1" applyFill="1" applyBorder="1" applyAlignment="1">
      <alignment horizontal="right" vertical="center" shrinkToFit="1"/>
    </xf>
    <xf numFmtId="177" fontId="3" fillId="0" borderId="36" xfId="1" applyNumberFormat="1" applyFont="1" applyFill="1" applyBorder="1" applyAlignment="1">
      <alignment horizontal="right" vertical="center" shrinkToFit="1"/>
    </xf>
    <xf numFmtId="177" fontId="3" fillId="0" borderId="35" xfId="1" applyNumberFormat="1" applyFont="1" applyFill="1" applyBorder="1" applyAlignment="1">
      <alignment horizontal="right" vertical="center" shrinkToFit="1"/>
    </xf>
    <xf numFmtId="49" fontId="6" fillId="0" borderId="43" xfId="1" applyNumberFormat="1" applyFont="1" applyFill="1" applyBorder="1" applyAlignment="1">
      <alignment horizontal="distributed" vertical="center"/>
    </xf>
    <xf numFmtId="49" fontId="6" fillId="0" borderId="18" xfId="1" applyNumberFormat="1" applyFont="1" applyFill="1" applyBorder="1" applyAlignment="1">
      <alignment horizontal="distributed" vertical="center"/>
    </xf>
    <xf numFmtId="49" fontId="6" fillId="0" borderId="17" xfId="1" applyNumberFormat="1" applyFont="1" applyFill="1" applyBorder="1" applyAlignment="1">
      <alignment horizontal="distributed" vertical="center"/>
    </xf>
    <xf numFmtId="177" fontId="3" fillId="0" borderId="18" xfId="1" applyNumberFormat="1" applyFont="1" applyFill="1" applyBorder="1" applyAlignment="1">
      <alignment horizontal="right" vertical="center" shrinkToFit="1"/>
    </xf>
    <xf numFmtId="177" fontId="3" fillId="0" borderId="17" xfId="1" applyNumberFormat="1" applyFont="1" applyFill="1" applyBorder="1" applyAlignment="1">
      <alignment horizontal="right" vertical="center" shrinkToFit="1"/>
    </xf>
    <xf numFmtId="49" fontId="6" fillId="0" borderId="13" xfId="1" applyNumberFormat="1" applyFont="1" applyFill="1" applyBorder="1" applyAlignment="1">
      <alignment horizontal="distributed" vertical="center"/>
    </xf>
    <xf numFmtId="49" fontId="10" fillId="0" borderId="43" xfId="1" applyNumberFormat="1" applyFont="1" applyFill="1" applyBorder="1" applyAlignment="1">
      <alignment horizontal="distributed" vertical="center"/>
    </xf>
    <xf numFmtId="49" fontId="10" fillId="0" borderId="0" xfId="1" applyNumberFormat="1" applyFont="1" applyFill="1" applyBorder="1" applyAlignment="1">
      <alignment horizontal="distributed" vertical="center"/>
    </xf>
    <xf numFmtId="49" fontId="10" fillId="0" borderId="14" xfId="1" applyNumberFormat="1" applyFont="1" applyFill="1" applyBorder="1" applyAlignment="1">
      <alignment horizontal="distributed" vertical="center"/>
    </xf>
    <xf numFmtId="49" fontId="8" fillId="0" borderId="24" xfId="1" applyNumberFormat="1" applyFont="1" applyFill="1" applyBorder="1" applyAlignment="1">
      <alignment horizontal="center" vertical="center"/>
    </xf>
    <xf numFmtId="49" fontId="8" fillId="0" borderId="22" xfId="1" applyNumberFormat="1" applyFont="1" applyFill="1" applyBorder="1" applyAlignment="1">
      <alignment horizontal="center" vertical="center"/>
    </xf>
    <xf numFmtId="177" fontId="10" fillId="0" borderId="32" xfId="1" applyNumberFormat="1" applyFont="1" applyFill="1" applyBorder="1" applyAlignment="1">
      <alignment horizontal="right" vertical="center" shrinkToFit="1"/>
    </xf>
    <xf numFmtId="180" fontId="8" fillId="0" borderId="23" xfId="1" applyNumberFormat="1" applyFont="1" applyFill="1" applyBorder="1" applyAlignment="1">
      <alignment horizontal="right" vertical="center" shrinkToFit="1"/>
    </xf>
    <xf numFmtId="49" fontId="9" fillId="0" borderId="13" xfId="1" applyNumberFormat="1" applyFont="1" applyFill="1" applyBorder="1" applyAlignment="1">
      <alignment horizontal="distributed" vertical="center"/>
    </xf>
    <xf numFmtId="49" fontId="8" fillId="0" borderId="53" xfId="1" applyNumberFormat="1" applyFont="1" applyFill="1" applyBorder="1" applyAlignment="1">
      <alignment horizontal="distributed" vertical="center" wrapText="1"/>
    </xf>
    <xf numFmtId="49" fontId="8" fillId="0" borderId="52" xfId="1" applyNumberFormat="1" applyFont="1" applyFill="1" applyBorder="1" applyAlignment="1">
      <alignment horizontal="distributed" vertical="center" wrapText="1"/>
    </xf>
    <xf numFmtId="0" fontId="10" fillId="2" borderId="61" xfId="1" applyFont="1" applyFill="1" applyBorder="1" applyAlignment="1">
      <alignment horizontal="distributed" vertical="distributed" wrapText="1"/>
    </xf>
    <xf numFmtId="0" fontId="10" fillId="2" borderId="60" xfId="1" applyFont="1" applyFill="1" applyBorder="1" applyAlignment="1">
      <alignment horizontal="distributed" vertical="distributed" wrapText="1"/>
    </xf>
    <xf numFmtId="0" fontId="10" fillId="2" borderId="59" xfId="1" applyFont="1" applyFill="1" applyBorder="1" applyAlignment="1">
      <alignment horizontal="distributed" vertical="distributed" wrapText="1"/>
    </xf>
    <xf numFmtId="0" fontId="10" fillId="0" borderId="43" xfId="1" applyFont="1" applyFill="1" applyBorder="1" applyAlignment="1">
      <alignment horizontal="distributed" vertical="center"/>
    </xf>
    <xf numFmtId="49" fontId="6" fillId="0" borderId="24" xfId="1" applyNumberFormat="1" applyFont="1" applyFill="1" applyBorder="1" applyAlignment="1">
      <alignment horizontal="distributed" vertical="center"/>
    </xf>
    <xf numFmtId="49" fontId="6" fillId="0" borderId="23" xfId="1" applyNumberFormat="1" applyFont="1" applyFill="1" applyBorder="1" applyAlignment="1">
      <alignment horizontal="distributed" vertical="center"/>
    </xf>
    <xf numFmtId="49" fontId="6" fillId="0" borderId="22" xfId="1" applyNumberFormat="1" applyFont="1" applyFill="1" applyBorder="1" applyAlignment="1">
      <alignment horizontal="distributed" vertical="center"/>
    </xf>
    <xf numFmtId="0" fontId="3" fillId="0" borderId="23" xfId="1" applyFont="1" applyFill="1" applyBorder="1" applyAlignment="1">
      <alignment horizontal="center" vertical="center"/>
    </xf>
    <xf numFmtId="49" fontId="8" fillId="0" borderId="29" xfId="1" applyNumberFormat="1" applyFont="1" applyFill="1" applyBorder="1" applyAlignment="1">
      <alignment horizontal="distributed" vertical="center"/>
    </xf>
    <xf numFmtId="49" fontId="8" fillId="0" borderId="62" xfId="1" applyNumberFormat="1" applyFont="1" applyFill="1" applyBorder="1" applyAlignment="1">
      <alignment horizontal="distributed" vertical="center"/>
    </xf>
    <xf numFmtId="49" fontId="6" fillId="0" borderId="63" xfId="1" applyNumberFormat="1" applyFont="1" applyFill="1" applyBorder="1" applyAlignment="1">
      <alignment horizontal="distributed" vertical="center"/>
    </xf>
    <xf numFmtId="49" fontId="6" fillId="0" borderId="44" xfId="1" applyNumberFormat="1" applyFont="1" applyFill="1" applyBorder="1" applyAlignment="1">
      <alignment horizontal="distributed" vertical="center"/>
    </xf>
    <xf numFmtId="49" fontId="6" fillId="0" borderId="44" xfId="1" applyNumberFormat="1" applyFont="1" applyFill="1" applyBorder="1" applyAlignment="1">
      <alignment horizontal="center" vertical="center" wrapText="1"/>
    </xf>
    <xf numFmtId="49" fontId="6" fillId="0" borderId="40" xfId="1" applyNumberFormat="1" applyFont="1" applyFill="1" applyBorder="1" applyAlignment="1">
      <alignment horizontal="center" vertical="center" wrapText="1"/>
    </xf>
    <xf numFmtId="49" fontId="6" fillId="0" borderId="65" xfId="1" applyNumberFormat="1" applyFont="1" applyFill="1" applyBorder="1" applyAlignment="1">
      <alignment horizontal="center" vertical="center" wrapText="1"/>
    </xf>
    <xf numFmtId="49" fontId="8" fillId="0" borderId="44" xfId="1" applyNumberFormat="1" applyFont="1" applyFill="1" applyBorder="1" applyAlignment="1">
      <alignment horizontal="center" vertical="center"/>
    </xf>
    <xf numFmtId="0" fontId="10" fillId="0" borderId="51" xfId="1" applyFont="1" applyFill="1" applyBorder="1" applyAlignment="1">
      <alignment horizontal="distributed" vertical="center"/>
    </xf>
    <xf numFmtId="0" fontId="10" fillId="0" borderId="50" xfId="1" applyFont="1" applyFill="1" applyBorder="1" applyAlignment="1">
      <alignment horizontal="distributed" vertical="center"/>
    </xf>
    <xf numFmtId="0" fontId="10" fillId="0" borderId="64" xfId="1" applyFont="1" applyFill="1" applyBorder="1" applyAlignment="1">
      <alignment horizontal="distributed" vertical="center"/>
    </xf>
    <xf numFmtId="176" fontId="10" fillId="0" borderId="24" xfId="1" applyNumberFormat="1" applyFont="1" applyFill="1" applyBorder="1" applyAlignment="1">
      <alignment horizontal="right" vertical="center" shrinkToFit="1"/>
    </xf>
    <xf numFmtId="176" fontId="10" fillId="0" borderId="53" xfId="1" applyNumberFormat="1" applyFont="1" applyFill="1" applyBorder="1" applyAlignment="1">
      <alignment horizontal="right" vertical="center" shrinkToFit="1"/>
    </xf>
    <xf numFmtId="177" fontId="8" fillId="0" borderId="68" xfId="1" applyNumberFormat="1" applyFont="1" applyFill="1" applyBorder="1" applyAlignment="1">
      <alignment horizontal="right" vertical="center" shrinkToFit="1"/>
    </xf>
    <xf numFmtId="177" fontId="8" fillId="0" borderId="67" xfId="1" applyNumberFormat="1" applyFont="1" applyFill="1" applyBorder="1" applyAlignment="1">
      <alignment horizontal="right" vertical="center" shrinkToFit="1"/>
    </xf>
    <xf numFmtId="176" fontId="8" fillId="0" borderId="67" xfId="1" applyNumberFormat="1" applyFont="1" applyFill="1" applyBorder="1" applyAlignment="1">
      <alignment horizontal="right" vertical="center" shrinkToFit="1"/>
    </xf>
    <xf numFmtId="176" fontId="8" fillId="0" borderId="66" xfId="1" applyNumberFormat="1" applyFont="1" applyFill="1" applyBorder="1" applyAlignment="1">
      <alignment horizontal="right" vertical="center" shrinkToFit="1"/>
    </xf>
    <xf numFmtId="49" fontId="6" fillId="0" borderId="72" xfId="1" applyNumberFormat="1" applyFont="1" applyFill="1" applyBorder="1" applyAlignment="1">
      <alignment horizontal="distributed" vertical="center"/>
    </xf>
    <xf numFmtId="49" fontId="6" fillId="0" borderId="70" xfId="1" applyNumberFormat="1" applyFont="1" applyFill="1" applyBorder="1" applyAlignment="1">
      <alignment horizontal="distributed" vertical="center"/>
    </xf>
    <xf numFmtId="49" fontId="6" fillId="0" borderId="69" xfId="1" applyNumberFormat="1" applyFont="1" applyFill="1" applyBorder="1" applyAlignment="1">
      <alignment horizontal="distributed" vertical="center"/>
    </xf>
    <xf numFmtId="177" fontId="8" fillId="0" borderId="71" xfId="1" applyNumberFormat="1" applyFont="1" applyFill="1" applyBorder="1" applyAlignment="1">
      <alignment horizontal="right" vertical="center" shrinkToFit="1"/>
    </xf>
    <xf numFmtId="177" fontId="8" fillId="0" borderId="70" xfId="1" applyNumberFormat="1" applyFont="1" applyFill="1" applyBorder="1" applyAlignment="1">
      <alignment horizontal="right" vertical="center" shrinkToFit="1"/>
    </xf>
    <xf numFmtId="176" fontId="8" fillId="0" borderId="70" xfId="1" applyNumberFormat="1" applyFont="1" applyFill="1" applyBorder="1" applyAlignment="1">
      <alignment horizontal="right" vertical="center" shrinkToFit="1"/>
    </xf>
    <xf numFmtId="176" fontId="8" fillId="0" borderId="69" xfId="1" applyNumberFormat="1" applyFont="1" applyFill="1" applyBorder="1" applyAlignment="1">
      <alignment horizontal="right" vertical="center" shrinkToFit="1"/>
    </xf>
    <xf numFmtId="49" fontId="6" fillId="0" borderId="16" xfId="1" applyNumberFormat="1" applyFont="1" applyFill="1" applyBorder="1" applyAlignment="1">
      <alignment horizontal="distributed" vertical="center"/>
    </xf>
    <xf numFmtId="49" fontId="8" fillId="0" borderId="14" xfId="1" applyNumberFormat="1" applyFont="1" applyFill="1" applyBorder="1" applyAlignment="1">
      <alignment horizontal="center" vertical="distributed" textRotation="255"/>
    </xf>
    <xf numFmtId="49" fontId="8" fillId="0" borderId="41" xfId="1" applyNumberFormat="1" applyFont="1" applyFill="1" applyBorder="1" applyAlignment="1">
      <alignment horizontal="center" vertical="distributed" textRotation="255"/>
    </xf>
    <xf numFmtId="49" fontId="8" fillId="0" borderId="39" xfId="1" applyNumberFormat="1" applyFont="1" applyFill="1" applyBorder="1" applyAlignment="1">
      <alignment horizontal="center" vertical="distributed" textRotation="255"/>
    </xf>
    <xf numFmtId="0" fontId="10" fillId="2" borderId="76" xfId="1" applyFont="1" applyFill="1" applyBorder="1" applyAlignment="1">
      <alignment horizontal="distributed" vertical="distributed" wrapText="1"/>
    </xf>
    <xf numFmtId="0" fontId="10" fillId="2" borderId="74" xfId="1" applyFont="1" applyFill="1" applyBorder="1" applyAlignment="1">
      <alignment horizontal="distributed" vertical="distributed" wrapText="1"/>
    </xf>
    <xf numFmtId="0" fontId="10" fillId="2" borderId="73" xfId="1" applyFont="1" applyFill="1" applyBorder="1" applyAlignment="1">
      <alignment horizontal="distributed" vertical="distributed" wrapText="1"/>
    </xf>
    <xf numFmtId="49" fontId="6" fillId="0" borderId="75" xfId="1" applyNumberFormat="1" applyFont="1" applyFill="1" applyBorder="1" applyAlignment="1">
      <alignment horizontal="distributed" vertical="center"/>
    </xf>
    <xf numFmtId="49" fontId="6" fillId="0" borderId="67" xfId="1" applyNumberFormat="1" applyFont="1" applyFill="1" applyBorder="1" applyAlignment="1">
      <alignment horizontal="distributed" vertical="center"/>
    </xf>
    <xf numFmtId="49" fontId="6" fillId="0" borderId="66" xfId="1" applyNumberFormat="1" applyFont="1" applyFill="1" applyBorder="1" applyAlignment="1">
      <alignment horizontal="distributed" vertical="center"/>
    </xf>
    <xf numFmtId="49" fontId="8" fillId="0" borderId="67" xfId="1" applyNumberFormat="1" applyFont="1" applyFill="1" applyBorder="1" applyAlignment="1">
      <alignment horizontal="distributed" vertical="center"/>
    </xf>
    <xf numFmtId="49" fontId="8" fillId="0" borderId="66" xfId="1" applyNumberFormat="1" applyFont="1" applyFill="1" applyBorder="1" applyAlignment="1">
      <alignment horizontal="distributed" vertical="center"/>
    </xf>
    <xf numFmtId="49" fontId="6" fillId="0" borderId="13" xfId="1" applyNumberFormat="1" applyFont="1" applyFill="1" applyBorder="1" applyAlignment="1">
      <alignment horizontal="distributed" vertical="center" wrapText="1"/>
    </xf>
    <xf numFmtId="49" fontId="6" fillId="0" borderId="0" xfId="1" applyNumberFormat="1" applyFont="1" applyFill="1" applyBorder="1" applyAlignment="1">
      <alignment horizontal="distributed" vertical="center" wrapText="1"/>
    </xf>
    <xf numFmtId="49" fontId="6" fillId="0" borderId="14" xfId="1" applyNumberFormat="1" applyFont="1" applyFill="1" applyBorder="1" applyAlignment="1">
      <alignment horizontal="distributed" vertical="center" wrapText="1"/>
    </xf>
    <xf numFmtId="49" fontId="8" fillId="0" borderId="70" xfId="1" applyNumberFormat="1" applyFont="1" applyFill="1" applyBorder="1" applyAlignment="1">
      <alignment horizontal="distributed" vertical="center"/>
    </xf>
    <xf numFmtId="49" fontId="8" fillId="0" borderId="69" xfId="1" applyNumberFormat="1" applyFont="1" applyFill="1" applyBorder="1" applyAlignment="1">
      <alignment horizontal="distributed" vertical="center"/>
    </xf>
    <xf numFmtId="0" fontId="2" fillId="0" borderId="40" xfId="1" applyBorder="1" applyAlignment="1">
      <alignment vertical="center"/>
    </xf>
    <xf numFmtId="0" fontId="2" fillId="0" borderId="39" xfId="1" applyBorder="1" applyAlignment="1">
      <alignment vertical="center"/>
    </xf>
    <xf numFmtId="177" fontId="8" fillId="0" borderId="12" xfId="1" applyNumberFormat="1" applyFont="1" applyFill="1" applyBorder="1" applyAlignment="1">
      <alignment horizontal="right" vertical="center" shrinkToFit="1"/>
    </xf>
    <xf numFmtId="49" fontId="8" fillId="0" borderId="63" xfId="1" applyNumberFormat="1" applyFont="1" applyFill="1" applyBorder="1" applyAlignment="1">
      <alignment horizontal="distributed" vertical="center"/>
    </xf>
    <xf numFmtId="49" fontId="8" fillId="0" borderId="34" xfId="1" applyNumberFormat="1" applyFont="1" applyFill="1" applyBorder="1" applyAlignment="1">
      <alignment horizontal="distributed" vertical="center" wrapText="1"/>
    </xf>
    <xf numFmtId="49" fontId="8" fillId="0" borderId="30" xfId="1" applyNumberFormat="1" applyFont="1" applyFill="1" applyBorder="1" applyAlignment="1">
      <alignment horizontal="distributed" vertical="center" wrapText="1"/>
    </xf>
    <xf numFmtId="49" fontId="8" fillId="0" borderId="29" xfId="1" applyNumberFormat="1" applyFont="1" applyFill="1" applyBorder="1" applyAlignment="1">
      <alignment horizontal="distributed" vertical="center" wrapText="1"/>
    </xf>
    <xf numFmtId="49" fontId="8" fillId="0" borderId="26" xfId="1" applyNumberFormat="1" applyFont="1" applyFill="1" applyBorder="1" applyAlignment="1">
      <alignment horizontal="distributed" vertical="center" wrapText="1"/>
    </xf>
    <xf numFmtId="49" fontId="8" fillId="0" borderId="25" xfId="1" applyNumberFormat="1" applyFont="1" applyFill="1" applyBorder="1" applyAlignment="1">
      <alignment horizontal="distributed" vertical="center" wrapText="1"/>
    </xf>
    <xf numFmtId="0" fontId="10" fillId="2" borderId="79" xfId="1" applyFont="1" applyFill="1" applyBorder="1" applyAlignment="1">
      <alignment horizontal="distributed" vertical="distributed" wrapText="1"/>
    </xf>
    <xf numFmtId="0" fontId="10" fillId="2" borderId="78" xfId="1" applyFont="1" applyFill="1" applyBorder="1" applyAlignment="1">
      <alignment horizontal="distributed" vertical="distributed" wrapText="1"/>
    </xf>
    <xf numFmtId="0" fontId="10" fillId="2" borderId="77" xfId="1" applyFont="1" applyFill="1" applyBorder="1" applyAlignment="1">
      <alignment horizontal="distributed" vertical="distributed" wrapText="1"/>
    </xf>
    <xf numFmtId="0" fontId="12" fillId="0" borderId="14" xfId="1" applyFont="1" applyBorder="1" applyAlignment="1">
      <alignment vertical="center"/>
    </xf>
    <xf numFmtId="49" fontId="8" fillId="0" borderId="62" xfId="1" applyNumberFormat="1" applyFont="1" applyFill="1" applyBorder="1" applyAlignment="1">
      <alignment horizontal="distributed" vertical="center" wrapText="1"/>
    </xf>
    <xf numFmtId="49" fontId="8" fillId="0" borderId="0" xfId="1" applyNumberFormat="1" applyFont="1" applyFill="1" applyBorder="1" applyAlignment="1">
      <alignment horizontal="center" vertical="distributed" textRotation="255"/>
    </xf>
    <xf numFmtId="0" fontId="10" fillId="0" borderId="31" xfId="1" applyFont="1" applyFill="1" applyBorder="1" applyAlignment="1">
      <alignment horizontal="distributed" vertical="center"/>
    </xf>
    <xf numFmtId="0" fontId="10" fillId="0" borderId="26" xfId="1" applyFont="1" applyFill="1" applyBorder="1" applyAlignment="1">
      <alignment horizontal="distributed" vertical="center"/>
    </xf>
    <xf numFmtId="0" fontId="3" fillId="0" borderId="26" xfId="1" applyFont="1" applyBorder="1" applyAlignment="1">
      <alignment horizontal="distributed" vertical="center"/>
    </xf>
    <xf numFmtId="0" fontId="3" fillId="0" borderId="29" xfId="1" applyFont="1" applyBorder="1" applyAlignment="1">
      <alignment horizontal="distributed" vertical="center"/>
    </xf>
    <xf numFmtId="0" fontId="3" fillId="0" borderId="62" xfId="1" applyFont="1" applyBorder="1" applyAlignment="1">
      <alignment horizontal="distributed" vertical="center"/>
    </xf>
    <xf numFmtId="49" fontId="8" fillId="0" borderId="32" xfId="1" applyNumberFormat="1" applyFont="1" applyFill="1" applyBorder="1" applyAlignment="1">
      <alignment horizontal="center" vertical="center"/>
    </xf>
    <xf numFmtId="49" fontId="8" fillId="0" borderId="33" xfId="1" applyNumberFormat="1" applyFont="1" applyFill="1" applyBorder="1" applyAlignment="1">
      <alignment horizontal="center" vertical="center"/>
    </xf>
    <xf numFmtId="176" fontId="10" fillId="0" borderId="26" xfId="1" applyNumberFormat="1" applyFont="1" applyFill="1" applyBorder="1" applyAlignment="1">
      <alignment horizontal="right" vertical="center" shrinkToFit="1"/>
    </xf>
    <xf numFmtId="176" fontId="10" fillId="0" borderId="28" xfId="1" applyNumberFormat="1" applyFont="1" applyFill="1" applyBorder="1" applyAlignment="1">
      <alignment horizontal="right" vertical="center" shrinkToFit="1"/>
    </xf>
    <xf numFmtId="49" fontId="8" fillId="0" borderId="22" xfId="1" applyNumberFormat="1" applyFont="1" applyFill="1" applyBorder="1" applyAlignment="1">
      <alignment horizontal="center" vertical="distributed" textRotation="255"/>
    </xf>
    <xf numFmtId="177" fontId="8" fillId="0" borderId="53" xfId="1" applyNumberFormat="1" applyFont="1" applyFill="1" applyBorder="1" applyAlignment="1">
      <alignment horizontal="right" vertical="center" shrinkToFit="1"/>
    </xf>
    <xf numFmtId="49" fontId="8" fillId="0" borderId="0" xfId="1" applyNumberFormat="1" applyFont="1" applyFill="1" applyBorder="1" applyAlignment="1">
      <alignment horizontal="right" vertical="center" shrinkToFit="1"/>
    </xf>
    <xf numFmtId="49" fontId="8" fillId="0" borderId="14" xfId="1" applyNumberFormat="1" applyFont="1" applyFill="1" applyBorder="1" applyAlignment="1">
      <alignment horizontal="right" vertical="center" shrinkToFit="1"/>
    </xf>
    <xf numFmtId="180" fontId="8" fillId="0" borderId="41" xfId="1" applyNumberFormat="1" applyFont="1" applyFill="1" applyBorder="1" applyAlignment="1">
      <alignment horizontal="right" vertical="center" shrinkToFit="1"/>
    </xf>
    <xf numFmtId="180" fontId="8" fillId="0" borderId="40" xfId="1" applyNumberFormat="1" applyFont="1" applyFill="1" applyBorder="1" applyAlignment="1">
      <alignment horizontal="right" vertical="center" shrinkToFit="1"/>
    </xf>
    <xf numFmtId="49" fontId="8" fillId="0" borderId="40" xfId="1" applyNumberFormat="1" applyFont="1" applyFill="1" applyBorder="1" applyAlignment="1">
      <alignment horizontal="center" vertical="center"/>
    </xf>
    <xf numFmtId="0" fontId="3" fillId="0" borderId="54" xfId="1" applyFont="1" applyFill="1" applyBorder="1" applyAlignment="1">
      <alignment horizontal="center" vertical="center"/>
    </xf>
    <xf numFmtId="0" fontId="3" fillId="0" borderId="80" xfId="1" applyFont="1" applyFill="1" applyBorder="1" applyAlignment="1">
      <alignment horizontal="center" vertical="center"/>
    </xf>
    <xf numFmtId="0" fontId="3" fillId="0" borderId="31" xfId="1" applyFont="1" applyFill="1" applyBorder="1" applyAlignment="1">
      <alignment horizontal="center" vertical="center"/>
    </xf>
    <xf numFmtId="0" fontId="3" fillId="0" borderId="26" xfId="1" applyFont="1" applyFill="1" applyBorder="1" applyAlignment="1">
      <alignment horizontal="center" vertical="center"/>
    </xf>
    <xf numFmtId="49" fontId="8" fillId="0" borderId="31" xfId="1" applyNumberFormat="1" applyFont="1" applyFill="1" applyBorder="1" applyAlignment="1">
      <alignment horizontal="center" vertical="center"/>
    </xf>
    <xf numFmtId="49" fontId="8" fillId="0" borderId="26" xfId="1" applyNumberFormat="1" applyFont="1" applyFill="1" applyBorder="1" applyAlignment="1">
      <alignment horizontal="center" vertical="center"/>
    </xf>
    <xf numFmtId="49" fontId="8" fillId="0" borderId="81" xfId="1" applyNumberFormat="1" applyFont="1" applyFill="1" applyBorder="1" applyAlignment="1">
      <alignment horizontal="center" vertical="center"/>
    </xf>
    <xf numFmtId="49" fontId="8" fillId="0" borderId="62" xfId="1" applyNumberFormat="1" applyFont="1" applyFill="1" applyBorder="1" applyAlignment="1">
      <alignment horizontal="center" vertical="center"/>
    </xf>
    <xf numFmtId="49" fontId="14" fillId="0" borderId="0" xfId="1" applyNumberFormat="1" applyFont="1" applyFill="1" applyBorder="1" applyAlignment="1">
      <alignment horizontal="distributed" vertical="center"/>
    </xf>
    <xf numFmtId="49" fontId="14" fillId="0" borderId="26" xfId="1" applyNumberFormat="1" applyFont="1" applyFill="1" applyBorder="1" applyAlignment="1">
      <alignment horizontal="distributed" vertical="center"/>
    </xf>
    <xf numFmtId="182" fontId="8" fillId="0" borderId="24" xfId="3" applyNumberFormat="1" applyFont="1" applyFill="1" applyBorder="1" applyAlignment="1">
      <alignment horizontal="right" vertical="center" shrinkToFit="1"/>
    </xf>
    <xf numFmtId="182" fontId="8" fillId="0" borderId="23" xfId="3" applyNumberFormat="1" applyFont="1" applyFill="1" applyBorder="1" applyAlignment="1">
      <alignment horizontal="right" vertical="center" shrinkToFit="1"/>
    </xf>
    <xf numFmtId="49" fontId="8" fillId="0" borderId="0" xfId="1" applyNumberFormat="1" applyFont="1" applyFill="1" applyBorder="1" applyAlignment="1">
      <alignment horizontal="center" vertical="center"/>
    </xf>
    <xf numFmtId="49" fontId="8" fillId="0" borderId="1" xfId="1" applyNumberFormat="1" applyFont="1" applyFill="1" applyBorder="1" applyAlignment="1">
      <alignment horizontal="distributed" vertical="center"/>
    </xf>
    <xf numFmtId="49" fontId="8" fillId="0" borderId="84" xfId="1" applyNumberFormat="1" applyFont="1" applyFill="1" applyBorder="1" applyAlignment="1">
      <alignment horizontal="distributed" vertical="center"/>
    </xf>
    <xf numFmtId="49" fontId="8" fillId="0" borderId="83" xfId="1" applyNumberFormat="1" applyFont="1" applyFill="1" applyBorder="1" applyAlignment="1">
      <alignment horizontal="distributed" vertical="center"/>
    </xf>
    <xf numFmtId="49" fontId="8" fillId="0" borderId="83" xfId="1" applyNumberFormat="1" applyFont="1" applyFill="1" applyBorder="1" applyAlignment="1">
      <alignment horizontal="center" vertical="center"/>
    </xf>
    <xf numFmtId="49" fontId="8" fillId="0" borderId="1" xfId="1" applyNumberFormat="1" applyFont="1" applyFill="1" applyBorder="1" applyAlignment="1">
      <alignment horizontal="center" vertical="center"/>
    </xf>
    <xf numFmtId="49" fontId="8" fillId="0" borderId="82" xfId="1" applyNumberFormat="1" applyFont="1" applyFill="1" applyBorder="1" applyAlignment="1">
      <alignment horizontal="center" vertical="center"/>
    </xf>
    <xf numFmtId="49" fontId="8" fillId="0" borderId="12" xfId="1" applyNumberFormat="1" applyFont="1" applyFill="1" applyBorder="1" applyAlignment="1">
      <alignment horizontal="center" vertical="center"/>
    </xf>
    <xf numFmtId="181" fontId="8" fillId="0" borderId="13" xfId="1" applyNumberFormat="1" applyFont="1" applyFill="1" applyBorder="1" applyAlignment="1">
      <alignment horizontal="center" vertical="center"/>
    </xf>
    <xf numFmtId="181" fontId="8" fillId="0" borderId="0" xfId="1" applyNumberFormat="1" applyFont="1" applyFill="1" applyBorder="1" applyAlignment="1">
      <alignment horizontal="center" vertical="center"/>
    </xf>
    <xf numFmtId="181" fontId="8" fillId="0" borderId="12" xfId="1" applyNumberFormat="1" applyFont="1" applyFill="1" applyBorder="1" applyAlignment="1">
      <alignment horizontal="center" vertical="center"/>
    </xf>
    <xf numFmtId="181" fontId="8" fillId="0" borderId="41" xfId="1" applyNumberFormat="1" applyFont="1" applyFill="1" applyBorder="1" applyAlignment="1">
      <alignment horizontal="center" vertical="center"/>
    </xf>
    <xf numFmtId="181" fontId="8" fillId="0" borderId="40" xfId="1" applyNumberFormat="1" applyFont="1" applyFill="1" applyBorder="1" applyAlignment="1">
      <alignment horizontal="center" vertical="center"/>
    </xf>
    <xf numFmtId="181" fontId="8" fillId="0" borderId="52" xfId="1" applyNumberFormat="1" applyFont="1" applyFill="1" applyBorder="1" applyAlignment="1">
      <alignment horizontal="center" vertical="center"/>
    </xf>
    <xf numFmtId="180" fontId="8" fillId="0" borderId="13" xfId="1" applyNumberFormat="1" applyFont="1" applyFill="1" applyBorder="1" applyAlignment="1">
      <alignment horizontal="right" vertical="center" shrinkToFit="1"/>
    </xf>
    <xf numFmtId="0" fontId="3" fillId="0" borderId="83" xfId="1" applyFont="1" applyFill="1" applyBorder="1" applyAlignment="1">
      <alignment horizontal="center"/>
    </xf>
    <xf numFmtId="0" fontId="3" fillId="0" borderId="41" xfId="1" applyFont="1" applyFill="1" applyBorder="1" applyAlignment="1">
      <alignment horizontal="center"/>
    </xf>
    <xf numFmtId="0" fontId="3" fillId="0" borderId="1" xfId="1" applyFont="1" applyFill="1" applyBorder="1" applyAlignment="1">
      <alignment horizontal="center" vertical="center"/>
    </xf>
    <xf numFmtId="0" fontId="3" fillId="0" borderId="84" xfId="1" applyFont="1" applyFill="1" applyBorder="1" applyAlignment="1">
      <alignment horizontal="center"/>
    </xf>
    <xf numFmtId="0" fontId="3" fillId="0" borderId="39" xfId="1" applyFont="1" applyFill="1" applyBorder="1" applyAlignment="1">
      <alignment horizontal="center"/>
    </xf>
    <xf numFmtId="49" fontId="14" fillId="0" borderId="1" xfId="1" applyNumberFormat="1" applyFont="1" applyFill="1" applyBorder="1" applyAlignment="1">
      <alignment horizontal="distributed" vertical="center"/>
    </xf>
    <xf numFmtId="49" fontId="8" fillId="0" borderId="83" xfId="1" applyNumberFormat="1" applyFont="1" applyFill="1" applyBorder="1" applyAlignment="1">
      <alignment horizontal="distributed" vertical="distributed" textRotation="255"/>
    </xf>
    <xf numFmtId="49" fontId="8" fillId="0" borderId="1" xfId="1" applyNumberFormat="1" applyFont="1" applyFill="1" applyBorder="1" applyAlignment="1">
      <alignment horizontal="distributed" vertical="distributed" textRotation="255"/>
    </xf>
    <xf numFmtId="49" fontId="8" fillId="0" borderId="13" xfId="1" applyNumberFormat="1" applyFont="1" applyFill="1" applyBorder="1" applyAlignment="1">
      <alignment horizontal="distributed" vertical="distributed" textRotation="255"/>
    </xf>
    <xf numFmtId="49" fontId="8" fillId="0" borderId="0" xfId="1" applyNumberFormat="1" applyFont="1" applyFill="1" applyBorder="1" applyAlignment="1">
      <alignment horizontal="distributed" vertical="distributed" textRotation="255"/>
    </xf>
    <xf numFmtId="177" fontId="8" fillId="0" borderId="83" xfId="1" applyNumberFormat="1" applyFont="1" applyFill="1" applyBorder="1" applyAlignment="1">
      <alignment horizontal="right" vertical="center" shrinkToFit="1"/>
    </xf>
    <xf numFmtId="177" fontId="8" fillId="0" borderId="1" xfId="1" applyNumberFormat="1" applyFont="1" applyFill="1" applyBorder="1" applyAlignment="1">
      <alignment horizontal="right" vertical="center" shrinkToFit="1"/>
    </xf>
    <xf numFmtId="0" fontId="10" fillId="0" borderId="1" xfId="1" applyFont="1" applyFill="1" applyBorder="1" applyAlignment="1">
      <alignment horizontal="distributed" vertical="center"/>
    </xf>
    <xf numFmtId="0" fontId="10" fillId="0" borderId="40" xfId="1" applyFont="1" applyFill="1" applyBorder="1" applyAlignment="1">
      <alignment horizontal="distributed" vertical="center"/>
    </xf>
  </cellXfs>
  <cellStyles count="4">
    <cellStyle name="桁区切り 2" xfId="3"/>
    <cellStyle name="標準" xfId="0" builtinId="0"/>
    <cellStyle name="標準 2" xfId="1"/>
    <cellStyle name="標準 2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1:DI79"/>
  <sheetViews>
    <sheetView showGridLines="0" tabSelected="1" zoomScaleNormal="100" workbookViewId="0"/>
  </sheetViews>
  <sheetFormatPr defaultColWidth="2" defaultRowHeight="12" customHeight="1" x14ac:dyDescent="0.15"/>
  <cols>
    <col min="1" max="74" width="2" style="1"/>
    <col min="75" max="75" width="2" style="1" customWidth="1"/>
    <col min="76" max="16384" width="2" style="1"/>
  </cols>
  <sheetData>
    <row r="1" spans="2:113" ht="12" customHeight="1" thickBot="1" x14ac:dyDescent="0.2"/>
    <row r="2" spans="2:113" ht="13.5" customHeight="1" x14ac:dyDescent="0.15">
      <c r="B2" s="90"/>
      <c r="C2" s="89"/>
      <c r="D2" s="472" t="s">
        <v>309</v>
      </c>
      <c r="E2" s="472"/>
      <c r="F2" s="472"/>
      <c r="G2" s="472"/>
      <c r="H2" s="472"/>
      <c r="I2" s="472"/>
      <c r="J2" s="472"/>
      <c r="K2" s="472"/>
      <c r="L2" s="472"/>
      <c r="M2" s="472"/>
      <c r="N2" s="472"/>
      <c r="O2" s="472"/>
      <c r="P2" s="472"/>
      <c r="Q2" s="472"/>
      <c r="R2" s="88"/>
      <c r="S2" s="82"/>
      <c r="T2" s="82"/>
      <c r="U2" s="473" t="s">
        <v>308</v>
      </c>
      <c r="V2" s="474"/>
      <c r="W2" s="455" t="s">
        <v>307</v>
      </c>
      <c r="X2" s="453"/>
      <c r="Y2" s="453"/>
      <c r="Z2" s="453"/>
      <c r="AA2" s="453"/>
      <c r="AB2" s="453"/>
      <c r="AC2" s="477">
        <v>2691185</v>
      </c>
      <c r="AD2" s="478"/>
      <c r="AE2" s="478"/>
      <c r="AF2" s="478"/>
      <c r="AG2" s="478"/>
      <c r="AH2" s="478"/>
      <c r="AI2" s="457" t="s">
        <v>285</v>
      </c>
      <c r="AJ2" s="457"/>
      <c r="AK2" s="87"/>
      <c r="AL2" s="479" t="s">
        <v>306</v>
      </c>
      <c r="AM2" s="479"/>
      <c r="AN2" s="479"/>
      <c r="AO2" s="86"/>
      <c r="AP2" s="455" t="s">
        <v>305</v>
      </c>
      <c r="AQ2" s="453"/>
      <c r="AR2" s="453"/>
      <c r="AS2" s="453"/>
      <c r="AT2" s="453"/>
      <c r="AU2" s="453"/>
      <c r="AV2" s="453"/>
      <c r="AW2" s="454"/>
      <c r="AX2" s="85"/>
      <c r="AY2" s="453" t="s">
        <v>304</v>
      </c>
      <c r="AZ2" s="453"/>
      <c r="BA2" s="453"/>
      <c r="BB2" s="453"/>
      <c r="BC2" s="453"/>
      <c r="BD2" s="453"/>
      <c r="BE2" s="84"/>
      <c r="BF2" s="467"/>
      <c r="BG2" s="469"/>
      <c r="BH2" s="453" t="s">
        <v>303</v>
      </c>
      <c r="BI2" s="453"/>
      <c r="BJ2" s="453"/>
      <c r="BK2" s="453"/>
      <c r="BL2" s="453"/>
      <c r="BM2" s="453"/>
      <c r="BN2" s="453"/>
      <c r="BO2" s="453"/>
      <c r="BP2" s="453"/>
      <c r="BQ2" s="453"/>
      <c r="BR2" s="453"/>
      <c r="BS2" s="453"/>
      <c r="BT2" s="453"/>
      <c r="BU2" s="457"/>
      <c r="BV2" s="457"/>
      <c r="BW2" s="470"/>
      <c r="BX2" s="83"/>
      <c r="BY2" s="82"/>
      <c r="BZ2" s="453" t="s">
        <v>302</v>
      </c>
      <c r="CA2" s="453"/>
      <c r="CB2" s="453"/>
      <c r="CC2" s="453"/>
      <c r="CD2" s="453"/>
      <c r="CE2" s="453"/>
      <c r="CF2" s="453"/>
      <c r="CG2" s="81"/>
      <c r="CH2" s="81"/>
      <c r="CI2" s="81"/>
      <c r="CJ2" s="81"/>
      <c r="CK2" s="453" t="s">
        <v>301</v>
      </c>
      <c r="CL2" s="453"/>
      <c r="CM2" s="453"/>
      <c r="CN2" s="453"/>
      <c r="CO2" s="453"/>
      <c r="CP2" s="453"/>
      <c r="CQ2" s="454"/>
      <c r="CR2" s="455" t="s">
        <v>300</v>
      </c>
      <c r="CS2" s="453"/>
      <c r="CT2" s="453"/>
      <c r="CU2" s="453"/>
      <c r="CV2" s="453"/>
      <c r="CW2" s="453"/>
      <c r="CX2" s="453"/>
      <c r="CY2" s="453"/>
      <c r="CZ2" s="453"/>
      <c r="DA2" s="454"/>
      <c r="DB2" s="456" t="s">
        <v>299</v>
      </c>
      <c r="DC2" s="457"/>
      <c r="DD2" s="457"/>
      <c r="DE2" s="457"/>
      <c r="DF2" s="457"/>
      <c r="DG2" s="457"/>
      <c r="DH2" s="458"/>
      <c r="DI2" s="5"/>
    </row>
    <row r="3" spans="2:113" ht="13.5" customHeight="1" x14ac:dyDescent="0.15">
      <c r="B3" s="22"/>
      <c r="C3" s="7"/>
      <c r="D3" s="448"/>
      <c r="E3" s="448"/>
      <c r="F3" s="448"/>
      <c r="G3" s="448"/>
      <c r="H3" s="448"/>
      <c r="I3" s="448"/>
      <c r="J3" s="448"/>
      <c r="K3" s="448"/>
      <c r="L3" s="448"/>
      <c r="M3" s="448"/>
      <c r="N3" s="448"/>
      <c r="O3" s="448"/>
      <c r="P3" s="448"/>
      <c r="Q3" s="448"/>
      <c r="R3" s="77"/>
      <c r="S3" s="7"/>
      <c r="T3" s="7"/>
      <c r="U3" s="475"/>
      <c r="V3" s="476"/>
      <c r="W3" s="131" t="s">
        <v>294</v>
      </c>
      <c r="X3" s="109"/>
      <c r="Y3" s="109"/>
      <c r="Z3" s="109"/>
      <c r="AA3" s="109"/>
      <c r="AB3" s="109"/>
      <c r="AC3" s="132">
        <v>2665314</v>
      </c>
      <c r="AD3" s="133"/>
      <c r="AE3" s="133"/>
      <c r="AF3" s="133"/>
      <c r="AG3" s="133"/>
      <c r="AH3" s="133"/>
      <c r="AI3" s="452" t="s">
        <v>285</v>
      </c>
      <c r="AJ3" s="452"/>
      <c r="AK3" s="80"/>
      <c r="AL3" s="480"/>
      <c r="AM3" s="480"/>
      <c r="AN3" s="480"/>
      <c r="AO3" s="79"/>
      <c r="AP3" s="196"/>
      <c r="AQ3" s="197"/>
      <c r="AR3" s="197"/>
      <c r="AS3" s="197"/>
      <c r="AT3" s="197"/>
      <c r="AU3" s="197"/>
      <c r="AV3" s="197"/>
      <c r="AW3" s="198"/>
      <c r="AX3" s="25"/>
      <c r="AY3" s="197"/>
      <c r="AZ3" s="197"/>
      <c r="BA3" s="197"/>
      <c r="BB3" s="197"/>
      <c r="BC3" s="197"/>
      <c r="BD3" s="197"/>
      <c r="BE3" s="26"/>
      <c r="BF3" s="468"/>
      <c r="BG3" s="330"/>
      <c r="BH3" s="197"/>
      <c r="BI3" s="197"/>
      <c r="BJ3" s="197"/>
      <c r="BK3" s="197"/>
      <c r="BL3" s="197"/>
      <c r="BM3" s="197"/>
      <c r="BN3" s="197"/>
      <c r="BO3" s="197"/>
      <c r="BP3" s="197"/>
      <c r="BQ3" s="197"/>
      <c r="BR3" s="197"/>
      <c r="BS3" s="197"/>
      <c r="BT3" s="197"/>
      <c r="BU3" s="439"/>
      <c r="BV3" s="439"/>
      <c r="BW3" s="471"/>
      <c r="BX3" s="52"/>
      <c r="BY3" s="5"/>
      <c r="BZ3" s="109"/>
      <c r="CA3" s="109"/>
      <c r="CB3" s="109"/>
      <c r="CC3" s="109"/>
      <c r="CD3" s="109"/>
      <c r="CE3" s="109"/>
      <c r="CF3" s="109"/>
      <c r="CG3" s="41"/>
      <c r="CH3" s="41"/>
      <c r="CI3" s="7"/>
      <c r="CJ3" s="7"/>
      <c r="CK3" s="109"/>
      <c r="CL3" s="109"/>
      <c r="CM3" s="109"/>
      <c r="CN3" s="109"/>
      <c r="CO3" s="109"/>
      <c r="CP3" s="109"/>
      <c r="CQ3" s="110"/>
      <c r="CR3" s="131"/>
      <c r="CS3" s="109"/>
      <c r="CT3" s="109"/>
      <c r="CU3" s="109"/>
      <c r="CV3" s="109"/>
      <c r="CW3" s="109"/>
      <c r="CX3" s="109"/>
      <c r="CY3" s="109"/>
      <c r="CZ3" s="109"/>
      <c r="DA3" s="110"/>
      <c r="DB3" s="336"/>
      <c r="DC3" s="452"/>
      <c r="DD3" s="452"/>
      <c r="DE3" s="452"/>
      <c r="DF3" s="452"/>
      <c r="DG3" s="452"/>
      <c r="DH3" s="459"/>
      <c r="DI3" s="5"/>
    </row>
    <row r="4" spans="2:113" ht="13.5" customHeight="1" x14ac:dyDescent="0.15">
      <c r="B4" s="22"/>
      <c r="C4" s="7"/>
      <c r="D4" s="448"/>
      <c r="E4" s="448"/>
      <c r="F4" s="448"/>
      <c r="G4" s="448"/>
      <c r="H4" s="448"/>
      <c r="I4" s="448"/>
      <c r="J4" s="448"/>
      <c r="K4" s="448"/>
      <c r="L4" s="448"/>
      <c r="M4" s="448"/>
      <c r="N4" s="448"/>
      <c r="O4" s="448"/>
      <c r="P4" s="448"/>
      <c r="Q4" s="448"/>
      <c r="R4" s="77"/>
      <c r="S4" s="7"/>
      <c r="T4" s="7"/>
      <c r="U4" s="475"/>
      <c r="V4" s="476"/>
      <c r="W4" s="131" t="s">
        <v>298</v>
      </c>
      <c r="X4" s="109"/>
      <c r="Y4" s="109"/>
      <c r="Z4" s="109"/>
      <c r="AA4" s="109"/>
      <c r="AB4" s="109"/>
      <c r="AC4" s="466" t="s">
        <v>297</v>
      </c>
      <c r="AD4" s="339"/>
      <c r="AE4" s="339"/>
      <c r="AF4" s="339"/>
      <c r="AG4" s="339"/>
      <c r="AH4" s="339"/>
      <c r="AI4" s="452" t="s">
        <v>41</v>
      </c>
      <c r="AJ4" s="452"/>
      <c r="AK4" s="159" t="s">
        <v>296</v>
      </c>
      <c r="AL4" s="126"/>
      <c r="AM4" s="126"/>
      <c r="AN4" s="126"/>
      <c r="AO4" s="127"/>
      <c r="AP4" s="187">
        <v>2714484</v>
      </c>
      <c r="AQ4" s="188"/>
      <c r="AR4" s="188"/>
      <c r="AS4" s="188"/>
      <c r="AT4" s="188"/>
      <c r="AU4" s="188"/>
      <c r="AV4" s="313" t="s">
        <v>285</v>
      </c>
      <c r="AW4" s="313"/>
      <c r="AX4" s="188">
        <v>2577017</v>
      </c>
      <c r="AY4" s="188"/>
      <c r="AZ4" s="188"/>
      <c r="BA4" s="188"/>
      <c r="BB4" s="188"/>
      <c r="BC4" s="188"/>
      <c r="BD4" s="313" t="s">
        <v>285</v>
      </c>
      <c r="BE4" s="354"/>
      <c r="BF4" s="7"/>
      <c r="BG4" s="126" t="s">
        <v>127</v>
      </c>
      <c r="BH4" s="126"/>
      <c r="BI4" s="29"/>
      <c r="BJ4" s="307"/>
      <c r="BK4" s="126" t="s">
        <v>295</v>
      </c>
      <c r="BL4" s="126"/>
      <c r="BM4" s="126"/>
      <c r="BN4" s="126"/>
      <c r="BO4" s="126"/>
      <c r="BP4" s="354"/>
      <c r="BQ4" s="307"/>
      <c r="BR4" s="126" t="s">
        <v>294</v>
      </c>
      <c r="BS4" s="126"/>
      <c r="BT4" s="126"/>
      <c r="BU4" s="126"/>
      <c r="BV4" s="126"/>
      <c r="BW4" s="354"/>
      <c r="BX4" s="52"/>
      <c r="BY4" s="5"/>
      <c r="BZ4" s="76"/>
      <c r="CA4" s="76"/>
      <c r="CB4" s="76"/>
      <c r="CC4" s="76"/>
      <c r="CD4" s="76"/>
      <c r="CE4" s="76"/>
      <c r="CF4" s="76"/>
      <c r="CG4" s="7"/>
      <c r="CH4" s="7"/>
      <c r="CI4" s="7"/>
      <c r="CJ4" s="41"/>
      <c r="CK4" s="76"/>
      <c r="CL4" s="76"/>
      <c r="CM4" s="76"/>
      <c r="CN4" s="76"/>
      <c r="CO4" s="76"/>
      <c r="CP4" s="76"/>
      <c r="CQ4" s="75"/>
      <c r="CR4" s="131"/>
      <c r="CS4" s="109"/>
      <c r="CT4" s="109"/>
      <c r="CU4" s="109"/>
      <c r="CV4" s="109"/>
      <c r="CW4" s="109"/>
      <c r="CX4" s="109"/>
      <c r="CY4" s="109"/>
      <c r="CZ4" s="109"/>
      <c r="DA4" s="110"/>
      <c r="DB4" s="336"/>
      <c r="DC4" s="452"/>
      <c r="DD4" s="452"/>
      <c r="DE4" s="452"/>
      <c r="DF4" s="452"/>
      <c r="DG4" s="452"/>
      <c r="DH4" s="459"/>
      <c r="DI4" s="5"/>
    </row>
    <row r="5" spans="2:113" ht="13.5" customHeight="1" x14ac:dyDescent="0.15">
      <c r="B5" s="22"/>
      <c r="C5" s="7"/>
      <c r="D5" s="448" t="s">
        <v>293</v>
      </c>
      <c r="E5" s="448"/>
      <c r="F5" s="448"/>
      <c r="G5" s="448"/>
      <c r="H5" s="448"/>
      <c r="I5" s="448"/>
      <c r="J5" s="448"/>
      <c r="K5" s="448"/>
      <c r="L5" s="448"/>
      <c r="M5" s="448"/>
      <c r="N5" s="448"/>
      <c r="O5" s="448"/>
      <c r="P5" s="448"/>
      <c r="Q5" s="448"/>
      <c r="R5" s="77"/>
      <c r="S5" s="7"/>
      <c r="T5" s="7"/>
      <c r="U5" s="159" t="s">
        <v>292</v>
      </c>
      <c r="V5" s="126"/>
      <c r="W5" s="126"/>
      <c r="X5" s="126"/>
      <c r="Y5" s="126"/>
      <c r="Z5" s="126"/>
      <c r="AA5" s="126"/>
      <c r="AB5" s="126"/>
      <c r="AC5" s="450">
        <v>225.3</v>
      </c>
      <c r="AD5" s="451"/>
      <c r="AE5" s="451"/>
      <c r="AF5" s="451"/>
      <c r="AG5" s="451"/>
      <c r="AH5" s="451"/>
      <c r="AI5" s="313" t="s">
        <v>291</v>
      </c>
      <c r="AJ5" s="313"/>
      <c r="AK5" s="131" t="s">
        <v>290</v>
      </c>
      <c r="AL5" s="109"/>
      <c r="AM5" s="109"/>
      <c r="AN5" s="109"/>
      <c r="AO5" s="110"/>
      <c r="AP5" s="132">
        <v>2702432</v>
      </c>
      <c r="AQ5" s="133"/>
      <c r="AR5" s="133"/>
      <c r="AS5" s="133"/>
      <c r="AT5" s="133"/>
      <c r="AU5" s="133"/>
      <c r="AV5" s="452" t="s">
        <v>285</v>
      </c>
      <c r="AW5" s="452"/>
      <c r="AX5" s="133">
        <v>2570850</v>
      </c>
      <c r="AY5" s="133"/>
      <c r="AZ5" s="133"/>
      <c r="BA5" s="133"/>
      <c r="BB5" s="133"/>
      <c r="BC5" s="133"/>
      <c r="BD5" s="452" t="s">
        <v>285</v>
      </c>
      <c r="BE5" s="337"/>
      <c r="BF5" s="14"/>
      <c r="BG5" s="109"/>
      <c r="BH5" s="109"/>
      <c r="BI5" s="78"/>
      <c r="BJ5" s="329"/>
      <c r="BK5" s="197"/>
      <c r="BL5" s="197"/>
      <c r="BM5" s="197"/>
      <c r="BN5" s="197"/>
      <c r="BO5" s="197"/>
      <c r="BP5" s="328"/>
      <c r="BQ5" s="329"/>
      <c r="BR5" s="197"/>
      <c r="BS5" s="197"/>
      <c r="BT5" s="197"/>
      <c r="BU5" s="197"/>
      <c r="BV5" s="197"/>
      <c r="BW5" s="328"/>
      <c r="BX5" s="52"/>
      <c r="BY5" s="5"/>
      <c r="BZ5" s="435" t="s">
        <v>289</v>
      </c>
      <c r="CA5" s="435"/>
      <c r="CB5" s="435"/>
      <c r="CC5" s="435"/>
      <c r="CD5" s="435"/>
      <c r="CE5" s="435"/>
      <c r="CF5" s="435"/>
      <c r="CG5" s="41"/>
      <c r="CH5" s="41"/>
      <c r="CI5" s="41"/>
      <c r="CJ5" s="41"/>
      <c r="CK5" s="435" t="s">
        <v>288</v>
      </c>
      <c r="CL5" s="435"/>
      <c r="CM5" s="435"/>
      <c r="CN5" s="435"/>
      <c r="CO5" s="435"/>
      <c r="CP5" s="435"/>
      <c r="CQ5" s="436"/>
      <c r="CR5" s="131" t="s">
        <v>287</v>
      </c>
      <c r="CS5" s="109"/>
      <c r="CT5" s="109"/>
      <c r="CU5" s="109"/>
      <c r="CV5" s="109"/>
      <c r="CW5" s="109"/>
      <c r="CX5" s="109"/>
      <c r="CY5" s="109"/>
      <c r="CZ5" s="109"/>
      <c r="DA5" s="110"/>
      <c r="DB5" s="460">
        <v>43840</v>
      </c>
      <c r="DC5" s="461"/>
      <c r="DD5" s="461"/>
      <c r="DE5" s="461"/>
      <c r="DF5" s="461"/>
      <c r="DG5" s="461"/>
      <c r="DH5" s="462"/>
      <c r="DI5" s="5"/>
    </row>
    <row r="6" spans="2:113" ht="13.5" customHeight="1" x14ac:dyDescent="0.15">
      <c r="B6" s="22"/>
      <c r="C6" s="7"/>
      <c r="D6" s="449"/>
      <c r="E6" s="449"/>
      <c r="F6" s="449"/>
      <c r="G6" s="449"/>
      <c r="H6" s="449"/>
      <c r="I6" s="449"/>
      <c r="J6" s="449"/>
      <c r="K6" s="449"/>
      <c r="L6" s="449"/>
      <c r="M6" s="449"/>
      <c r="N6" s="449"/>
      <c r="O6" s="449"/>
      <c r="P6" s="449"/>
      <c r="Q6" s="449"/>
      <c r="R6" s="77"/>
      <c r="S6" s="7"/>
      <c r="T6" s="7"/>
      <c r="U6" s="131" t="s">
        <v>286</v>
      </c>
      <c r="V6" s="109"/>
      <c r="W6" s="109"/>
      <c r="X6" s="109"/>
      <c r="Y6" s="109"/>
      <c r="Z6" s="109"/>
      <c r="AA6" s="109"/>
      <c r="AB6" s="109"/>
      <c r="AC6" s="132">
        <v>11945</v>
      </c>
      <c r="AD6" s="133"/>
      <c r="AE6" s="133"/>
      <c r="AF6" s="133"/>
      <c r="AG6" s="133"/>
      <c r="AH6" s="133"/>
      <c r="AI6" s="452" t="s">
        <v>285</v>
      </c>
      <c r="AJ6" s="452"/>
      <c r="AK6" s="196" t="s">
        <v>284</v>
      </c>
      <c r="AL6" s="197"/>
      <c r="AM6" s="197"/>
      <c r="AN6" s="197"/>
      <c r="AO6" s="198"/>
      <c r="AP6" s="437" t="s">
        <v>283</v>
      </c>
      <c r="AQ6" s="438"/>
      <c r="AR6" s="438"/>
      <c r="AS6" s="438"/>
      <c r="AT6" s="438"/>
      <c r="AU6" s="438"/>
      <c r="AV6" s="439" t="s">
        <v>41</v>
      </c>
      <c r="AW6" s="439"/>
      <c r="AX6" s="438" t="s">
        <v>282</v>
      </c>
      <c r="AY6" s="438"/>
      <c r="AZ6" s="438"/>
      <c r="BA6" s="438"/>
      <c r="BB6" s="438"/>
      <c r="BC6" s="438"/>
      <c r="BD6" s="439" t="s">
        <v>41</v>
      </c>
      <c r="BE6" s="439"/>
      <c r="BF6" s="301" t="s">
        <v>281</v>
      </c>
      <c r="BG6" s="300"/>
      <c r="BH6" s="300"/>
      <c r="BI6" s="302"/>
      <c r="BJ6" s="133">
        <v>1122</v>
      </c>
      <c r="BK6" s="133"/>
      <c r="BL6" s="133"/>
      <c r="BM6" s="133"/>
      <c r="BN6" s="133"/>
      <c r="BO6" s="133"/>
      <c r="BP6" s="133"/>
      <c r="BQ6" s="133">
        <v>995</v>
      </c>
      <c r="BR6" s="133"/>
      <c r="BS6" s="133"/>
      <c r="BT6" s="133"/>
      <c r="BU6" s="133"/>
      <c r="BV6" s="133"/>
      <c r="BW6" s="134"/>
      <c r="BX6" s="52"/>
      <c r="BY6" s="5"/>
      <c r="BZ6" s="76"/>
      <c r="CA6" s="76"/>
      <c r="CB6" s="76"/>
      <c r="CC6" s="76"/>
      <c r="CD6" s="76"/>
      <c r="CE6" s="76"/>
      <c r="CF6" s="76"/>
      <c r="CG6" s="7"/>
      <c r="CH6" s="7"/>
      <c r="CI6" s="7"/>
      <c r="CJ6" s="7"/>
      <c r="CK6" s="76"/>
      <c r="CL6" s="76"/>
      <c r="CM6" s="76"/>
      <c r="CN6" s="76"/>
      <c r="CO6" s="76"/>
      <c r="CP6" s="76"/>
      <c r="CQ6" s="75"/>
      <c r="CR6" s="131"/>
      <c r="CS6" s="109"/>
      <c r="CT6" s="109"/>
      <c r="CU6" s="109"/>
      <c r="CV6" s="109"/>
      <c r="CW6" s="109"/>
      <c r="CX6" s="109"/>
      <c r="CY6" s="109"/>
      <c r="CZ6" s="109"/>
      <c r="DA6" s="110"/>
      <c r="DB6" s="460"/>
      <c r="DC6" s="461"/>
      <c r="DD6" s="461"/>
      <c r="DE6" s="461"/>
      <c r="DF6" s="461"/>
      <c r="DG6" s="461"/>
      <c r="DH6" s="462"/>
      <c r="DI6" s="5"/>
    </row>
    <row r="7" spans="2:113" ht="13.5" customHeight="1" x14ac:dyDescent="0.15">
      <c r="B7" s="440"/>
      <c r="C7" s="442"/>
      <c r="D7" s="442"/>
      <c r="E7" s="442"/>
      <c r="F7" s="300" t="s">
        <v>280</v>
      </c>
      <c r="G7" s="300"/>
      <c r="H7" s="300"/>
      <c r="I7" s="300"/>
      <c r="J7" s="300"/>
      <c r="K7" s="300"/>
      <c r="L7" s="300"/>
      <c r="M7" s="300"/>
      <c r="N7" s="300"/>
      <c r="O7" s="300"/>
      <c r="P7" s="300"/>
      <c r="Q7" s="300"/>
      <c r="R7" s="300"/>
      <c r="S7" s="300"/>
      <c r="T7" s="444"/>
      <c r="U7" s="444"/>
      <c r="V7" s="444"/>
      <c r="W7" s="442"/>
      <c r="X7" s="300" t="s">
        <v>267</v>
      </c>
      <c r="Y7" s="300"/>
      <c r="Z7" s="300"/>
      <c r="AA7" s="300"/>
      <c r="AB7" s="300"/>
      <c r="AC7" s="300"/>
      <c r="AD7" s="300"/>
      <c r="AE7" s="300"/>
      <c r="AF7" s="300"/>
      <c r="AG7" s="444"/>
      <c r="AH7" s="444"/>
      <c r="AI7" s="313"/>
      <c r="AJ7" s="446"/>
      <c r="AK7" s="41"/>
      <c r="AL7" s="41"/>
      <c r="AM7" s="41"/>
      <c r="AN7" s="41"/>
      <c r="AO7" s="41"/>
      <c r="AP7" s="41"/>
      <c r="AQ7" s="41"/>
      <c r="AR7" s="41"/>
      <c r="AS7" s="41"/>
      <c r="AT7" s="41"/>
      <c r="AU7" s="41"/>
      <c r="AV7" s="41"/>
      <c r="AW7" s="41"/>
      <c r="AX7" s="41"/>
      <c r="AY7" s="41"/>
      <c r="AZ7" s="41"/>
      <c r="BA7" s="41"/>
      <c r="BB7" s="41"/>
      <c r="BC7" s="41"/>
      <c r="BD7" s="41"/>
      <c r="BE7" s="41"/>
      <c r="BF7" s="212"/>
      <c r="BG7" s="109"/>
      <c r="BH7" s="109"/>
      <c r="BI7" s="135"/>
      <c r="BJ7" s="113">
        <v>0.1</v>
      </c>
      <c r="BK7" s="113"/>
      <c r="BL7" s="113"/>
      <c r="BM7" s="113"/>
      <c r="BN7" s="113"/>
      <c r="BO7" s="113"/>
      <c r="BP7" s="113"/>
      <c r="BQ7" s="113">
        <v>0.1</v>
      </c>
      <c r="BR7" s="113"/>
      <c r="BS7" s="113"/>
      <c r="BT7" s="113"/>
      <c r="BU7" s="113"/>
      <c r="BV7" s="113"/>
      <c r="BW7" s="222"/>
      <c r="BX7" s="52"/>
      <c r="BY7" s="5"/>
      <c r="BZ7" s="435" t="s">
        <v>279</v>
      </c>
      <c r="CA7" s="435"/>
      <c r="CB7" s="435"/>
      <c r="CC7" s="435"/>
      <c r="CD7" s="435"/>
      <c r="CE7" s="435"/>
      <c r="CF7" s="435"/>
      <c r="CG7" s="41"/>
      <c r="CH7" s="41"/>
      <c r="CI7" s="41"/>
      <c r="CJ7" s="41"/>
      <c r="CK7" s="435" t="s">
        <v>278</v>
      </c>
      <c r="CL7" s="435"/>
      <c r="CM7" s="435"/>
      <c r="CN7" s="435"/>
      <c r="CO7" s="435"/>
      <c r="CP7" s="435"/>
      <c r="CQ7" s="436"/>
      <c r="CR7" s="131"/>
      <c r="CS7" s="109"/>
      <c r="CT7" s="109"/>
      <c r="CU7" s="109"/>
      <c r="CV7" s="109"/>
      <c r="CW7" s="109"/>
      <c r="CX7" s="109"/>
      <c r="CY7" s="109"/>
      <c r="CZ7" s="109"/>
      <c r="DA7" s="110"/>
      <c r="DB7" s="460"/>
      <c r="DC7" s="461"/>
      <c r="DD7" s="461"/>
      <c r="DE7" s="461"/>
      <c r="DF7" s="461"/>
      <c r="DG7" s="461"/>
      <c r="DH7" s="462"/>
      <c r="DI7" s="5"/>
    </row>
    <row r="8" spans="2:113" ht="13.5" customHeight="1" x14ac:dyDescent="0.15">
      <c r="B8" s="441"/>
      <c r="C8" s="443"/>
      <c r="D8" s="443"/>
      <c r="E8" s="443"/>
      <c r="F8" s="321"/>
      <c r="G8" s="321"/>
      <c r="H8" s="321"/>
      <c r="I8" s="321"/>
      <c r="J8" s="321"/>
      <c r="K8" s="321"/>
      <c r="L8" s="321"/>
      <c r="M8" s="321"/>
      <c r="N8" s="321"/>
      <c r="O8" s="321"/>
      <c r="P8" s="321"/>
      <c r="Q8" s="321"/>
      <c r="R8" s="321"/>
      <c r="S8" s="321"/>
      <c r="T8" s="445"/>
      <c r="U8" s="445"/>
      <c r="V8" s="445"/>
      <c r="W8" s="443"/>
      <c r="X8" s="321"/>
      <c r="Y8" s="321"/>
      <c r="Z8" s="321"/>
      <c r="AA8" s="321"/>
      <c r="AB8" s="321"/>
      <c r="AC8" s="321"/>
      <c r="AD8" s="321"/>
      <c r="AE8" s="321"/>
      <c r="AF8" s="321"/>
      <c r="AG8" s="445"/>
      <c r="AH8" s="445"/>
      <c r="AI8" s="445"/>
      <c r="AJ8" s="447"/>
      <c r="AK8" s="41"/>
      <c r="AL8" s="41"/>
      <c r="AM8" s="41"/>
      <c r="AN8" s="41"/>
      <c r="AO8" s="41"/>
      <c r="AP8" s="41"/>
      <c r="AQ8" s="41"/>
      <c r="AR8" s="41"/>
      <c r="AS8" s="41"/>
      <c r="AT8" s="41"/>
      <c r="AU8" s="41"/>
      <c r="AV8" s="41"/>
      <c r="AW8" s="41"/>
      <c r="AX8" s="41"/>
      <c r="AY8" s="41"/>
      <c r="AZ8" s="41"/>
      <c r="BA8" s="41"/>
      <c r="BB8" s="41"/>
      <c r="BC8" s="41"/>
      <c r="BD8" s="41"/>
      <c r="BE8" s="41"/>
      <c r="BF8" s="212" t="s">
        <v>277</v>
      </c>
      <c r="BG8" s="109"/>
      <c r="BH8" s="109"/>
      <c r="BI8" s="135"/>
      <c r="BJ8" s="133">
        <v>220980</v>
      </c>
      <c r="BK8" s="133"/>
      <c r="BL8" s="133"/>
      <c r="BM8" s="133"/>
      <c r="BN8" s="133"/>
      <c r="BO8" s="133"/>
      <c r="BP8" s="133"/>
      <c r="BQ8" s="133">
        <v>235506</v>
      </c>
      <c r="BR8" s="133"/>
      <c r="BS8" s="133"/>
      <c r="BT8" s="133"/>
      <c r="BU8" s="133"/>
      <c r="BV8" s="133"/>
      <c r="BW8" s="134"/>
      <c r="BX8" s="39"/>
      <c r="BY8" s="38"/>
      <c r="BZ8" s="74"/>
      <c r="CA8" s="74"/>
      <c r="CB8" s="74"/>
      <c r="CC8" s="74"/>
      <c r="CD8" s="74"/>
      <c r="CE8" s="74"/>
      <c r="CF8" s="74"/>
      <c r="CG8" s="35"/>
      <c r="CH8" s="35"/>
      <c r="CI8" s="35"/>
      <c r="CJ8" s="35"/>
      <c r="CK8" s="74"/>
      <c r="CL8" s="74"/>
      <c r="CM8" s="74"/>
      <c r="CN8" s="74"/>
      <c r="CO8" s="74"/>
      <c r="CP8" s="74"/>
      <c r="CQ8" s="73"/>
      <c r="CR8" s="196"/>
      <c r="CS8" s="197"/>
      <c r="CT8" s="197"/>
      <c r="CU8" s="197"/>
      <c r="CV8" s="197"/>
      <c r="CW8" s="197"/>
      <c r="CX8" s="197"/>
      <c r="CY8" s="197"/>
      <c r="CZ8" s="197"/>
      <c r="DA8" s="198"/>
      <c r="DB8" s="463"/>
      <c r="DC8" s="464"/>
      <c r="DD8" s="464"/>
      <c r="DE8" s="464"/>
      <c r="DF8" s="464"/>
      <c r="DG8" s="464"/>
      <c r="DH8" s="465"/>
      <c r="DI8" s="5"/>
    </row>
    <row r="9" spans="2:113" ht="13.5" customHeight="1" x14ac:dyDescent="0.15">
      <c r="B9" s="34"/>
      <c r="C9" s="33"/>
      <c r="D9" s="300" t="s">
        <v>127</v>
      </c>
      <c r="E9" s="300"/>
      <c r="F9" s="300"/>
      <c r="G9" s="300"/>
      <c r="H9" s="300"/>
      <c r="I9" s="300"/>
      <c r="J9" s="300"/>
      <c r="K9" s="32"/>
      <c r="L9" s="30"/>
      <c r="M9" s="31"/>
      <c r="N9" s="300" t="s">
        <v>126</v>
      </c>
      <c r="O9" s="300"/>
      <c r="P9" s="300"/>
      <c r="Q9" s="300"/>
      <c r="R9" s="300"/>
      <c r="S9" s="300"/>
      <c r="T9" s="30"/>
      <c r="U9" s="301" t="s">
        <v>121</v>
      </c>
      <c r="V9" s="300"/>
      <c r="W9" s="300"/>
      <c r="X9" s="302"/>
      <c r="Y9" s="301" t="s">
        <v>276</v>
      </c>
      <c r="Z9" s="300"/>
      <c r="AA9" s="300"/>
      <c r="AB9" s="300"/>
      <c r="AC9" s="300"/>
      <c r="AD9" s="300"/>
      <c r="AE9" s="300"/>
      <c r="AF9" s="300"/>
      <c r="AG9" s="301" t="s">
        <v>121</v>
      </c>
      <c r="AH9" s="300"/>
      <c r="AI9" s="300"/>
      <c r="AJ9" s="302"/>
      <c r="AK9" s="52"/>
      <c r="AL9" s="5"/>
      <c r="AM9" s="5"/>
      <c r="AN9" s="5"/>
      <c r="AO9" s="5"/>
      <c r="AP9" s="5"/>
      <c r="AQ9" s="5"/>
      <c r="AR9" s="5"/>
      <c r="AS9" s="5"/>
      <c r="AT9" s="5"/>
      <c r="AU9" s="5"/>
      <c r="AV9" s="5"/>
      <c r="AW9" s="5"/>
      <c r="AX9" s="5"/>
      <c r="AY9" s="5"/>
      <c r="AZ9" s="5"/>
      <c r="BA9" s="5"/>
      <c r="BB9" s="5"/>
      <c r="BC9" s="5"/>
      <c r="BD9" s="5"/>
      <c r="BE9" s="5"/>
      <c r="BF9" s="212"/>
      <c r="BG9" s="109"/>
      <c r="BH9" s="109"/>
      <c r="BI9" s="135"/>
      <c r="BJ9" s="113">
        <v>22.7</v>
      </c>
      <c r="BK9" s="113"/>
      <c r="BL9" s="113"/>
      <c r="BM9" s="113"/>
      <c r="BN9" s="113"/>
      <c r="BO9" s="113"/>
      <c r="BP9" s="113"/>
      <c r="BQ9" s="113">
        <v>23</v>
      </c>
      <c r="BR9" s="113"/>
      <c r="BS9" s="113"/>
      <c r="BT9" s="113"/>
      <c r="BU9" s="113"/>
      <c r="BV9" s="113"/>
      <c r="BW9" s="222"/>
      <c r="BX9" s="45"/>
      <c r="BY9" s="49"/>
      <c r="BZ9" s="49"/>
      <c r="CA9" s="126" t="s">
        <v>275</v>
      </c>
      <c r="CB9" s="126"/>
      <c r="CC9" s="126"/>
      <c r="CD9" s="126"/>
      <c r="CE9" s="126"/>
      <c r="CF9" s="126"/>
      <c r="CG9" s="126"/>
      <c r="CH9" s="126"/>
      <c r="CI9" s="126"/>
      <c r="CJ9" s="126"/>
      <c r="CK9" s="126"/>
      <c r="CL9" s="43"/>
      <c r="CM9" s="43"/>
      <c r="CN9" s="29"/>
      <c r="CO9" s="159" t="s">
        <v>274</v>
      </c>
      <c r="CP9" s="126"/>
      <c r="CQ9" s="126"/>
      <c r="CR9" s="126"/>
      <c r="CS9" s="126"/>
      <c r="CT9" s="126"/>
      <c r="CU9" s="126"/>
      <c r="CV9" s="126"/>
      <c r="CW9" s="126"/>
      <c r="CX9" s="126"/>
      <c r="CY9" s="159" t="s">
        <v>273</v>
      </c>
      <c r="CZ9" s="126"/>
      <c r="DA9" s="126"/>
      <c r="DB9" s="126"/>
      <c r="DC9" s="126"/>
      <c r="DD9" s="126"/>
      <c r="DE9" s="126"/>
      <c r="DF9" s="126"/>
      <c r="DG9" s="126"/>
      <c r="DH9" s="298"/>
      <c r="DI9" s="5"/>
    </row>
    <row r="10" spans="2:113" ht="13.5" customHeight="1" x14ac:dyDescent="0.15">
      <c r="B10" s="72"/>
      <c r="C10" s="61"/>
      <c r="D10" s="321"/>
      <c r="E10" s="321"/>
      <c r="F10" s="321"/>
      <c r="G10" s="321"/>
      <c r="H10" s="321"/>
      <c r="I10" s="321"/>
      <c r="J10" s="321"/>
      <c r="K10" s="60"/>
      <c r="L10" s="59"/>
      <c r="M10" s="62"/>
      <c r="N10" s="426"/>
      <c r="O10" s="426"/>
      <c r="P10" s="426"/>
      <c r="Q10" s="426"/>
      <c r="R10" s="426"/>
      <c r="S10" s="426"/>
      <c r="T10" s="59"/>
      <c r="U10" s="427"/>
      <c r="V10" s="426"/>
      <c r="W10" s="426"/>
      <c r="X10" s="428"/>
      <c r="Y10" s="368"/>
      <c r="Z10" s="321"/>
      <c r="AA10" s="321"/>
      <c r="AB10" s="321"/>
      <c r="AC10" s="321"/>
      <c r="AD10" s="321"/>
      <c r="AE10" s="321"/>
      <c r="AF10" s="321"/>
      <c r="AG10" s="427"/>
      <c r="AH10" s="426"/>
      <c r="AI10" s="426"/>
      <c r="AJ10" s="428"/>
      <c r="AK10" s="52"/>
      <c r="AL10" s="5"/>
      <c r="AM10" s="5"/>
      <c r="AN10" s="5"/>
      <c r="AO10" s="5"/>
      <c r="AP10" s="5"/>
      <c r="AQ10" s="7"/>
      <c r="AR10" s="7"/>
      <c r="AS10" s="7"/>
      <c r="AT10" s="7"/>
      <c r="AU10" s="7"/>
      <c r="AV10" s="7"/>
      <c r="AW10" s="7"/>
      <c r="AX10" s="7"/>
      <c r="AY10" s="7"/>
      <c r="AZ10" s="7"/>
      <c r="BA10" s="7"/>
      <c r="BB10" s="7"/>
      <c r="BC10" s="7"/>
      <c r="BD10" s="7"/>
      <c r="BE10" s="7"/>
      <c r="BF10" s="212" t="s">
        <v>272</v>
      </c>
      <c r="BG10" s="109"/>
      <c r="BH10" s="109"/>
      <c r="BI10" s="135"/>
      <c r="BJ10" s="133">
        <v>752032</v>
      </c>
      <c r="BK10" s="133"/>
      <c r="BL10" s="133"/>
      <c r="BM10" s="133"/>
      <c r="BN10" s="133"/>
      <c r="BO10" s="133"/>
      <c r="BP10" s="133"/>
      <c r="BQ10" s="133">
        <v>786671</v>
      </c>
      <c r="BR10" s="133"/>
      <c r="BS10" s="133"/>
      <c r="BT10" s="133"/>
      <c r="BU10" s="133"/>
      <c r="BV10" s="133"/>
      <c r="BW10" s="133"/>
      <c r="BX10" s="27"/>
      <c r="BY10" s="35"/>
      <c r="BZ10" s="35"/>
      <c r="CA10" s="197"/>
      <c r="CB10" s="197"/>
      <c r="CC10" s="197"/>
      <c r="CD10" s="197"/>
      <c r="CE10" s="197"/>
      <c r="CF10" s="197"/>
      <c r="CG10" s="197"/>
      <c r="CH10" s="197"/>
      <c r="CI10" s="197"/>
      <c r="CJ10" s="197"/>
      <c r="CK10" s="197"/>
      <c r="CL10" s="35"/>
      <c r="CM10" s="35"/>
      <c r="CN10" s="26"/>
      <c r="CO10" s="196"/>
      <c r="CP10" s="197"/>
      <c r="CQ10" s="197"/>
      <c r="CR10" s="197"/>
      <c r="CS10" s="197"/>
      <c r="CT10" s="197"/>
      <c r="CU10" s="197"/>
      <c r="CV10" s="197"/>
      <c r="CW10" s="197"/>
      <c r="CX10" s="197"/>
      <c r="CY10" s="196"/>
      <c r="CZ10" s="197"/>
      <c r="DA10" s="197"/>
      <c r="DB10" s="197"/>
      <c r="DC10" s="197"/>
      <c r="DD10" s="197"/>
      <c r="DE10" s="197"/>
      <c r="DF10" s="197"/>
      <c r="DG10" s="197"/>
      <c r="DH10" s="299"/>
      <c r="DI10" s="5"/>
    </row>
    <row r="11" spans="2:113" ht="13.5" customHeight="1" x14ac:dyDescent="0.15">
      <c r="B11" s="363" t="s">
        <v>271</v>
      </c>
      <c r="C11" s="257"/>
      <c r="D11" s="257"/>
      <c r="E11" s="257"/>
      <c r="F11" s="257"/>
      <c r="G11" s="257"/>
      <c r="H11" s="257"/>
      <c r="I11" s="257"/>
      <c r="J11" s="257"/>
      <c r="K11" s="257"/>
      <c r="L11" s="258"/>
      <c r="M11" s="132">
        <v>737441209</v>
      </c>
      <c r="N11" s="133"/>
      <c r="O11" s="133"/>
      <c r="P11" s="133"/>
      <c r="Q11" s="133"/>
      <c r="R11" s="133"/>
      <c r="S11" s="133"/>
      <c r="T11" s="133"/>
      <c r="U11" s="113">
        <v>41.9</v>
      </c>
      <c r="V11" s="113"/>
      <c r="W11" s="113"/>
      <c r="X11" s="113"/>
      <c r="Y11" s="288">
        <v>679726760</v>
      </c>
      <c r="Z11" s="288"/>
      <c r="AA11" s="288"/>
      <c r="AB11" s="288"/>
      <c r="AC11" s="288"/>
      <c r="AD11" s="288"/>
      <c r="AE11" s="288"/>
      <c r="AF11" s="288"/>
      <c r="AG11" s="309">
        <v>81.599999999999994</v>
      </c>
      <c r="AH11" s="309"/>
      <c r="AI11" s="309"/>
      <c r="AJ11" s="310"/>
      <c r="AK11" s="52"/>
      <c r="AL11" s="5"/>
      <c r="AM11" s="5"/>
      <c r="AN11" s="5"/>
      <c r="AO11" s="5"/>
      <c r="AP11" s="5"/>
      <c r="AQ11" s="7"/>
      <c r="AR11" s="7"/>
      <c r="AS11" s="7"/>
      <c r="AT11" s="7"/>
      <c r="AU11" s="7"/>
      <c r="AV11" s="7"/>
      <c r="AW11" s="7"/>
      <c r="AX11" s="7"/>
      <c r="AY11" s="7"/>
      <c r="AZ11" s="7"/>
      <c r="BA11" s="7"/>
      <c r="BB11" s="7"/>
      <c r="BC11" s="7"/>
      <c r="BD11" s="7"/>
      <c r="BE11" s="7"/>
      <c r="BF11" s="368"/>
      <c r="BG11" s="321"/>
      <c r="BH11" s="321"/>
      <c r="BI11" s="369"/>
      <c r="BJ11" s="431">
        <v>77.2</v>
      </c>
      <c r="BK11" s="431"/>
      <c r="BL11" s="431"/>
      <c r="BM11" s="431"/>
      <c r="BN11" s="431"/>
      <c r="BO11" s="431"/>
      <c r="BP11" s="431"/>
      <c r="BQ11" s="431">
        <v>76.900000000000006</v>
      </c>
      <c r="BR11" s="431"/>
      <c r="BS11" s="431"/>
      <c r="BT11" s="431"/>
      <c r="BU11" s="431"/>
      <c r="BV11" s="431"/>
      <c r="BW11" s="432"/>
      <c r="BX11" s="190"/>
      <c r="BY11" s="433"/>
      <c r="BZ11" s="159" t="s">
        <v>270</v>
      </c>
      <c r="CA11" s="314"/>
      <c r="CB11" s="314"/>
      <c r="CC11" s="314"/>
      <c r="CD11" s="314"/>
      <c r="CE11" s="314"/>
      <c r="CF11" s="314"/>
      <c r="CG11" s="314"/>
      <c r="CH11" s="314"/>
      <c r="CI11" s="314"/>
      <c r="CJ11" s="314"/>
      <c r="CK11" s="314"/>
      <c r="CL11" s="314"/>
      <c r="CM11" s="314"/>
      <c r="CN11" s="315"/>
      <c r="CO11" s="187">
        <v>1761138232</v>
      </c>
      <c r="CP11" s="188"/>
      <c r="CQ11" s="188"/>
      <c r="CR11" s="188"/>
      <c r="CS11" s="188"/>
      <c r="CT11" s="188"/>
      <c r="CU11" s="188"/>
      <c r="CV11" s="188"/>
      <c r="CW11" s="188"/>
      <c r="CX11" s="188"/>
      <c r="CY11" s="188">
        <v>1742817144</v>
      </c>
      <c r="CZ11" s="188"/>
      <c r="DA11" s="188"/>
      <c r="DB11" s="188"/>
      <c r="DC11" s="188"/>
      <c r="DD11" s="188"/>
      <c r="DE11" s="188"/>
      <c r="DF11" s="188"/>
      <c r="DG11" s="188"/>
      <c r="DH11" s="434"/>
      <c r="DI11" s="5"/>
    </row>
    <row r="12" spans="2:113" ht="13.5" customHeight="1" x14ac:dyDescent="0.15">
      <c r="B12" s="205" t="s">
        <v>269</v>
      </c>
      <c r="C12" s="109"/>
      <c r="D12" s="109"/>
      <c r="E12" s="109"/>
      <c r="F12" s="109"/>
      <c r="G12" s="109"/>
      <c r="H12" s="109"/>
      <c r="I12" s="109"/>
      <c r="J12" s="109"/>
      <c r="K12" s="109"/>
      <c r="L12" s="110"/>
      <c r="M12" s="132">
        <v>6017535</v>
      </c>
      <c r="N12" s="133"/>
      <c r="O12" s="133"/>
      <c r="P12" s="133"/>
      <c r="Q12" s="133"/>
      <c r="R12" s="133"/>
      <c r="S12" s="133"/>
      <c r="T12" s="133"/>
      <c r="U12" s="113">
        <v>0.3</v>
      </c>
      <c r="V12" s="113"/>
      <c r="W12" s="113"/>
      <c r="X12" s="113"/>
      <c r="Y12" s="133">
        <v>6017535</v>
      </c>
      <c r="Z12" s="133"/>
      <c r="AA12" s="133"/>
      <c r="AB12" s="133"/>
      <c r="AC12" s="133"/>
      <c r="AD12" s="133"/>
      <c r="AE12" s="133"/>
      <c r="AF12" s="133"/>
      <c r="AG12" s="113">
        <v>0.7</v>
      </c>
      <c r="AH12" s="113"/>
      <c r="AI12" s="113"/>
      <c r="AJ12" s="222"/>
      <c r="AK12" s="45"/>
      <c r="AL12" s="49"/>
      <c r="AM12" s="49"/>
      <c r="AN12" s="126" t="s">
        <v>268</v>
      </c>
      <c r="AO12" s="126"/>
      <c r="AP12" s="126"/>
      <c r="AQ12" s="126"/>
      <c r="AR12" s="126"/>
      <c r="AS12" s="126"/>
      <c r="AT12" s="126"/>
      <c r="AU12" s="126"/>
      <c r="AV12" s="126"/>
      <c r="AW12" s="126"/>
      <c r="AX12" s="126"/>
      <c r="AY12" s="126"/>
      <c r="AZ12" s="126"/>
      <c r="BA12" s="126"/>
      <c r="BB12" s="126"/>
      <c r="BC12" s="43"/>
      <c r="BD12" s="43"/>
      <c r="BE12" s="126" t="s">
        <v>267</v>
      </c>
      <c r="BF12" s="109"/>
      <c r="BG12" s="109"/>
      <c r="BH12" s="109"/>
      <c r="BI12" s="109"/>
      <c r="BJ12" s="126"/>
      <c r="BK12" s="126"/>
      <c r="BL12" s="126"/>
      <c r="BM12" s="126"/>
      <c r="BN12" s="43"/>
      <c r="BO12" s="43"/>
      <c r="BP12" s="43"/>
      <c r="BQ12" s="413" t="s">
        <v>266</v>
      </c>
      <c r="BR12" s="206"/>
      <c r="BS12" s="206"/>
      <c r="BT12" s="206"/>
      <c r="BU12" s="206"/>
      <c r="BV12" s="206"/>
      <c r="BW12" s="207"/>
      <c r="BX12" s="423" t="s">
        <v>265</v>
      </c>
      <c r="BY12" s="393"/>
      <c r="BZ12" s="131" t="s">
        <v>264</v>
      </c>
      <c r="CA12" s="286"/>
      <c r="CB12" s="286"/>
      <c r="CC12" s="286"/>
      <c r="CD12" s="286"/>
      <c r="CE12" s="286"/>
      <c r="CF12" s="286"/>
      <c r="CG12" s="286"/>
      <c r="CH12" s="286"/>
      <c r="CI12" s="286"/>
      <c r="CJ12" s="286"/>
      <c r="CK12" s="286"/>
      <c r="CL12" s="286"/>
      <c r="CM12" s="286"/>
      <c r="CN12" s="287"/>
      <c r="CO12" s="132">
        <v>1758571784</v>
      </c>
      <c r="CP12" s="133"/>
      <c r="CQ12" s="133"/>
      <c r="CR12" s="133"/>
      <c r="CS12" s="133"/>
      <c r="CT12" s="133"/>
      <c r="CU12" s="133"/>
      <c r="CV12" s="133"/>
      <c r="CW12" s="133"/>
      <c r="CX12" s="133"/>
      <c r="CY12" s="133">
        <v>1740813287</v>
      </c>
      <c r="CZ12" s="133"/>
      <c r="DA12" s="133"/>
      <c r="DB12" s="133"/>
      <c r="DC12" s="133"/>
      <c r="DD12" s="133"/>
      <c r="DE12" s="133"/>
      <c r="DF12" s="133"/>
      <c r="DG12" s="133"/>
      <c r="DH12" s="411"/>
      <c r="DI12" s="5"/>
    </row>
    <row r="13" spans="2:113" ht="13.5" customHeight="1" x14ac:dyDescent="0.15">
      <c r="B13" s="205" t="s">
        <v>263</v>
      </c>
      <c r="C13" s="109"/>
      <c r="D13" s="109"/>
      <c r="E13" s="109"/>
      <c r="F13" s="109"/>
      <c r="G13" s="109"/>
      <c r="H13" s="109"/>
      <c r="I13" s="109"/>
      <c r="J13" s="109"/>
      <c r="K13" s="109"/>
      <c r="L13" s="110"/>
      <c r="M13" s="132">
        <v>896509</v>
      </c>
      <c r="N13" s="133"/>
      <c r="O13" s="133"/>
      <c r="P13" s="133"/>
      <c r="Q13" s="133"/>
      <c r="R13" s="133"/>
      <c r="S13" s="133"/>
      <c r="T13" s="133"/>
      <c r="U13" s="113">
        <v>0.1</v>
      </c>
      <c r="V13" s="113"/>
      <c r="W13" s="113"/>
      <c r="X13" s="113"/>
      <c r="Y13" s="133">
        <v>896509</v>
      </c>
      <c r="Z13" s="133"/>
      <c r="AA13" s="133"/>
      <c r="AB13" s="133"/>
      <c r="AC13" s="133"/>
      <c r="AD13" s="133"/>
      <c r="AE13" s="133"/>
      <c r="AF13" s="133"/>
      <c r="AG13" s="113">
        <v>0.1</v>
      </c>
      <c r="AH13" s="113"/>
      <c r="AI13" s="113"/>
      <c r="AJ13" s="222"/>
      <c r="AK13" s="55"/>
      <c r="AL13" s="7"/>
      <c r="AM13" s="7"/>
      <c r="AN13" s="321"/>
      <c r="AO13" s="321"/>
      <c r="AP13" s="321"/>
      <c r="AQ13" s="321"/>
      <c r="AR13" s="321"/>
      <c r="AS13" s="321"/>
      <c r="AT13" s="321"/>
      <c r="AU13" s="321"/>
      <c r="AV13" s="321"/>
      <c r="AW13" s="321"/>
      <c r="AX13" s="321"/>
      <c r="AY13" s="321"/>
      <c r="AZ13" s="321"/>
      <c r="BA13" s="321"/>
      <c r="BB13" s="321"/>
      <c r="BC13" s="41"/>
      <c r="BD13" s="41"/>
      <c r="BE13" s="109"/>
      <c r="BF13" s="109"/>
      <c r="BG13" s="109"/>
      <c r="BH13" s="109"/>
      <c r="BI13" s="109"/>
      <c r="BJ13" s="109"/>
      <c r="BK13" s="109"/>
      <c r="BL13" s="109"/>
      <c r="BM13" s="109"/>
      <c r="BN13" s="41"/>
      <c r="BO13" s="41"/>
      <c r="BP13" s="41"/>
      <c r="BQ13" s="415"/>
      <c r="BR13" s="416"/>
      <c r="BS13" s="416"/>
      <c r="BT13" s="416"/>
      <c r="BU13" s="416"/>
      <c r="BV13" s="416"/>
      <c r="BW13" s="422"/>
      <c r="BX13" s="423"/>
      <c r="BY13" s="393"/>
      <c r="BZ13" s="131" t="s">
        <v>262</v>
      </c>
      <c r="CA13" s="286"/>
      <c r="CB13" s="286"/>
      <c r="CC13" s="286"/>
      <c r="CD13" s="286"/>
      <c r="CE13" s="286"/>
      <c r="CF13" s="286"/>
      <c r="CG13" s="286"/>
      <c r="CH13" s="286"/>
      <c r="CI13" s="286"/>
      <c r="CJ13" s="286"/>
      <c r="CK13" s="286"/>
      <c r="CL13" s="286"/>
      <c r="CM13" s="286"/>
      <c r="CN13" s="287"/>
      <c r="CO13" s="132">
        <v>2566448</v>
      </c>
      <c r="CP13" s="133"/>
      <c r="CQ13" s="133"/>
      <c r="CR13" s="133"/>
      <c r="CS13" s="133"/>
      <c r="CT13" s="133"/>
      <c r="CU13" s="133"/>
      <c r="CV13" s="133"/>
      <c r="CW13" s="133"/>
      <c r="CX13" s="133"/>
      <c r="CY13" s="133">
        <v>2003857</v>
      </c>
      <c r="CZ13" s="133"/>
      <c r="DA13" s="133"/>
      <c r="DB13" s="133"/>
      <c r="DC13" s="133"/>
      <c r="DD13" s="133"/>
      <c r="DE13" s="133"/>
      <c r="DF13" s="133"/>
      <c r="DG13" s="133"/>
      <c r="DH13" s="411"/>
      <c r="DI13" s="5"/>
    </row>
    <row r="14" spans="2:113" ht="13.5" customHeight="1" x14ac:dyDescent="0.15">
      <c r="B14" s="205" t="s">
        <v>261</v>
      </c>
      <c r="C14" s="109"/>
      <c r="D14" s="109"/>
      <c r="E14" s="109"/>
      <c r="F14" s="109"/>
      <c r="G14" s="109"/>
      <c r="H14" s="109"/>
      <c r="I14" s="109"/>
      <c r="J14" s="109"/>
      <c r="K14" s="109"/>
      <c r="L14" s="110"/>
      <c r="M14" s="132">
        <v>2137659</v>
      </c>
      <c r="N14" s="133"/>
      <c r="O14" s="133"/>
      <c r="P14" s="133"/>
      <c r="Q14" s="133"/>
      <c r="R14" s="133"/>
      <c r="S14" s="133"/>
      <c r="T14" s="133"/>
      <c r="U14" s="113">
        <v>0.1</v>
      </c>
      <c r="V14" s="113"/>
      <c r="W14" s="113"/>
      <c r="X14" s="113"/>
      <c r="Y14" s="133">
        <v>2137659</v>
      </c>
      <c r="Z14" s="133"/>
      <c r="AA14" s="133"/>
      <c r="AB14" s="133"/>
      <c r="AC14" s="133"/>
      <c r="AD14" s="133"/>
      <c r="AE14" s="133"/>
      <c r="AF14" s="133"/>
      <c r="AG14" s="113">
        <v>0.3</v>
      </c>
      <c r="AH14" s="113"/>
      <c r="AI14" s="113"/>
      <c r="AJ14" s="222"/>
      <c r="AK14" s="31"/>
      <c r="AL14" s="33"/>
      <c r="AM14" s="424" t="s">
        <v>127</v>
      </c>
      <c r="AN14" s="424"/>
      <c r="AO14" s="424"/>
      <c r="AP14" s="424"/>
      <c r="AQ14" s="424"/>
      <c r="AR14" s="424"/>
      <c r="AS14" s="424"/>
      <c r="AT14" s="424"/>
      <c r="AU14" s="71"/>
      <c r="AV14" s="70"/>
      <c r="AW14" s="31"/>
      <c r="AX14" s="300" t="s">
        <v>260</v>
      </c>
      <c r="AY14" s="300"/>
      <c r="AZ14" s="300"/>
      <c r="BA14" s="300"/>
      <c r="BB14" s="300"/>
      <c r="BC14" s="300"/>
      <c r="BD14" s="300"/>
      <c r="BE14" s="30"/>
      <c r="BF14" s="301" t="s">
        <v>121</v>
      </c>
      <c r="BG14" s="300"/>
      <c r="BH14" s="300"/>
      <c r="BI14" s="302"/>
      <c r="BJ14" s="31"/>
      <c r="BK14" s="424" t="s">
        <v>259</v>
      </c>
      <c r="BL14" s="424"/>
      <c r="BM14" s="424"/>
      <c r="BN14" s="424"/>
      <c r="BO14" s="424"/>
      <c r="BP14" s="69"/>
      <c r="BQ14" s="301" t="s">
        <v>258</v>
      </c>
      <c r="BR14" s="300"/>
      <c r="BS14" s="300"/>
      <c r="BT14" s="300"/>
      <c r="BU14" s="318"/>
      <c r="BV14" s="429" t="s">
        <v>208</v>
      </c>
      <c r="BW14" s="430"/>
      <c r="BX14" s="423"/>
      <c r="BY14" s="393"/>
      <c r="BZ14" s="233" t="s">
        <v>257</v>
      </c>
      <c r="CA14" s="259"/>
      <c r="CB14" s="259"/>
      <c r="CC14" s="259"/>
      <c r="CD14" s="259"/>
      <c r="CE14" s="259"/>
      <c r="CF14" s="259"/>
      <c r="CG14" s="259"/>
      <c r="CH14" s="259"/>
      <c r="CI14" s="259"/>
      <c r="CJ14" s="259"/>
      <c r="CK14" s="259"/>
      <c r="CL14" s="259"/>
      <c r="CM14" s="259"/>
      <c r="CN14" s="421"/>
      <c r="CO14" s="132">
        <v>2136995</v>
      </c>
      <c r="CP14" s="133"/>
      <c r="CQ14" s="133"/>
      <c r="CR14" s="133"/>
      <c r="CS14" s="133"/>
      <c r="CT14" s="133"/>
      <c r="CU14" s="133"/>
      <c r="CV14" s="133"/>
      <c r="CW14" s="133"/>
      <c r="CX14" s="133"/>
      <c r="CY14" s="133">
        <v>1584045</v>
      </c>
      <c r="CZ14" s="133"/>
      <c r="DA14" s="133"/>
      <c r="DB14" s="133"/>
      <c r="DC14" s="133"/>
      <c r="DD14" s="133"/>
      <c r="DE14" s="133"/>
      <c r="DF14" s="133"/>
      <c r="DG14" s="133"/>
      <c r="DH14" s="411"/>
      <c r="DI14" s="5"/>
    </row>
    <row r="15" spans="2:113" ht="13.5" customHeight="1" x14ac:dyDescent="0.15">
      <c r="B15" s="344" t="s">
        <v>256</v>
      </c>
      <c r="C15" s="280"/>
      <c r="D15" s="280"/>
      <c r="E15" s="280"/>
      <c r="F15" s="280"/>
      <c r="G15" s="280"/>
      <c r="H15" s="280"/>
      <c r="I15" s="280"/>
      <c r="J15" s="280"/>
      <c r="K15" s="280"/>
      <c r="L15" s="281"/>
      <c r="M15" s="132">
        <v>1820660</v>
      </c>
      <c r="N15" s="133"/>
      <c r="O15" s="133"/>
      <c r="P15" s="133"/>
      <c r="Q15" s="133"/>
      <c r="R15" s="133"/>
      <c r="S15" s="133"/>
      <c r="T15" s="133"/>
      <c r="U15" s="113">
        <v>0.1</v>
      </c>
      <c r="V15" s="113"/>
      <c r="W15" s="113"/>
      <c r="X15" s="113"/>
      <c r="Y15" s="133">
        <v>1820660</v>
      </c>
      <c r="Z15" s="133"/>
      <c r="AA15" s="133"/>
      <c r="AB15" s="133"/>
      <c r="AC15" s="133"/>
      <c r="AD15" s="133"/>
      <c r="AE15" s="133"/>
      <c r="AF15" s="133"/>
      <c r="AG15" s="113">
        <v>0.2</v>
      </c>
      <c r="AH15" s="113"/>
      <c r="AI15" s="113"/>
      <c r="AJ15" s="222"/>
      <c r="AK15" s="62"/>
      <c r="AL15" s="61"/>
      <c r="AM15" s="425"/>
      <c r="AN15" s="425"/>
      <c r="AO15" s="425"/>
      <c r="AP15" s="425"/>
      <c r="AQ15" s="425"/>
      <c r="AR15" s="425"/>
      <c r="AS15" s="425"/>
      <c r="AT15" s="425"/>
      <c r="AU15" s="61"/>
      <c r="AV15" s="68"/>
      <c r="AW15" s="62"/>
      <c r="AX15" s="426"/>
      <c r="AY15" s="426"/>
      <c r="AZ15" s="426"/>
      <c r="BA15" s="426"/>
      <c r="BB15" s="426"/>
      <c r="BC15" s="426"/>
      <c r="BD15" s="426"/>
      <c r="BE15" s="68"/>
      <c r="BF15" s="427"/>
      <c r="BG15" s="426"/>
      <c r="BH15" s="426"/>
      <c r="BI15" s="428"/>
      <c r="BJ15" s="62"/>
      <c r="BK15" s="426"/>
      <c r="BL15" s="426"/>
      <c r="BM15" s="426"/>
      <c r="BN15" s="426"/>
      <c r="BO15" s="426"/>
      <c r="BP15" s="68"/>
      <c r="BQ15" s="131" t="s">
        <v>255</v>
      </c>
      <c r="BR15" s="109"/>
      <c r="BS15" s="109"/>
      <c r="BT15" s="109"/>
      <c r="BU15" s="110"/>
      <c r="BV15" s="336" t="s">
        <v>220</v>
      </c>
      <c r="BW15" s="337"/>
      <c r="BX15" s="423"/>
      <c r="BY15" s="393"/>
      <c r="BZ15" s="131" t="s">
        <v>254</v>
      </c>
      <c r="CA15" s="259"/>
      <c r="CB15" s="259"/>
      <c r="CC15" s="259"/>
      <c r="CD15" s="259"/>
      <c r="CE15" s="259"/>
      <c r="CF15" s="259"/>
      <c r="CG15" s="259"/>
      <c r="CH15" s="259"/>
      <c r="CI15" s="259"/>
      <c r="CJ15" s="259"/>
      <c r="CK15" s="259"/>
      <c r="CL15" s="259"/>
      <c r="CM15" s="259"/>
      <c r="CN15" s="421"/>
      <c r="CO15" s="132">
        <v>429453</v>
      </c>
      <c r="CP15" s="133"/>
      <c r="CQ15" s="133"/>
      <c r="CR15" s="133"/>
      <c r="CS15" s="133"/>
      <c r="CT15" s="133"/>
      <c r="CU15" s="133"/>
      <c r="CV15" s="133"/>
      <c r="CW15" s="133"/>
      <c r="CX15" s="133"/>
      <c r="CY15" s="133">
        <v>419812</v>
      </c>
      <c r="CZ15" s="133"/>
      <c r="DA15" s="133"/>
      <c r="DB15" s="133"/>
      <c r="DC15" s="133"/>
      <c r="DD15" s="133"/>
      <c r="DE15" s="133"/>
      <c r="DF15" s="133"/>
      <c r="DG15" s="133"/>
      <c r="DH15" s="411"/>
      <c r="DI15" s="5"/>
    </row>
    <row r="16" spans="2:113" ht="13.5" customHeight="1" x14ac:dyDescent="0.15">
      <c r="B16" s="344" t="s">
        <v>253</v>
      </c>
      <c r="C16" s="280"/>
      <c r="D16" s="280"/>
      <c r="E16" s="280"/>
      <c r="F16" s="280"/>
      <c r="G16" s="280"/>
      <c r="H16" s="280"/>
      <c r="I16" s="280"/>
      <c r="J16" s="280"/>
      <c r="K16" s="280"/>
      <c r="L16" s="281"/>
      <c r="M16" s="132">
        <v>507634</v>
      </c>
      <c r="N16" s="133"/>
      <c r="O16" s="133"/>
      <c r="P16" s="133"/>
      <c r="Q16" s="133"/>
      <c r="R16" s="133"/>
      <c r="S16" s="133"/>
      <c r="T16" s="133"/>
      <c r="U16" s="113">
        <v>0</v>
      </c>
      <c r="V16" s="113"/>
      <c r="W16" s="113"/>
      <c r="X16" s="113"/>
      <c r="Y16" s="133">
        <v>507634</v>
      </c>
      <c r="Z16" s="133"/>
      <c r="AA16" s="133"/>
      <c r="AB16" s="133"/>
      <c r="AC16" s="133"/>
      <c r="AD16" s="133"/>
      <c r="AE16" s="133"/>
      <c r="AF16" s="133"/>
      <c r="AG16" s="113">
        <v>0.1</v>
      </c>
      <c r="AH16" s="113"/>
      <c r="AI16" s="113"/>
      <c r="AJ16" s="222"/>
      <c r="AK16" s="131" t="s">
        <v>252</v>
      </c>
      <c r="AL16" s="109"/>
      <c r="AM16" s="109"/>
      <c r="AN16" s="109"/>
      <c r="AO16" s="109"/>
      <c r="AP16" s="109"/>
      <c r="AQ16" s="109"/>
      <c r="AR16" s="109"/>
      <c r="AS16" s="109"/>
      <c r="AT16" s="109"/>
      <c r="AU16" s="109"/>
      <c r="AV16" s="110"/>
      <c r="AW16" s="132">
        <v>651834407</v>
      </c>
      <c r="AX16" s="133"/>
      <c r="AY16" s="133"/>
      <c r="AZ16" s="133"/>
      <c r="BA16" s="133"/>
      <c r="BB16" s="133"/>
      <c r="BC16" s="133"/>
      <c r="BD16" s="133"/>
      <c r="BE16" s="133"/>
      <c r="BF16" s="113">
        <v>88.4</v>
      </c>
      <c r="BG16" s="113"/>
      <c r="BH16" s="113"/>
      <c r="BI16" s="113"/>
      <c r="BJ16" s="133">
        <v>20466207</v>
      </c>
      <c r="BK16" s="340"/>
      <c r="BL16" s="340"/>
      <c r="BM16" s="340"/>
      <c r="BN16" s="340"/>
      <c r="BO16" s="340"/>
      <c r="BP16" s="341"/>
      <c r="BQ16" s="131" t="s">
        <v>251</v>
      </c>
      <c r="BR16" s="109"/>
      <c r="BS16" s="109"/>
      <c r="BT16" s="109"/>
      <c r="BU16" s="110"/>
      <c r="BV16" s="336" t="s">
        <v>208</v>
      </c>
      <c r="BW16" s="337"/>
      <c r="BX16" s="423"/>
      <c r="BY16" s="393"/>
      <c r="BZ16" s="131" t="s">
        <v>250</v>
      </c>
      <c r="CA16" s="286"/>
      <c r="CB16" s="286"/>
      <c r="CC16" s="286"/>
      <c r="CD16" s="286"/>
      <c r="CE16" s="286"/>
      <c r="CF16" s="286"/>
      <c r="CG16" s="286"/>
      <c r="CH16" s="286"/>
      <c r="CI16" s="286"/>
      <c r="CJ16" s="286"/>
      <c r="CK16" s="286"/>
      <c r="CL16" s="286"/>
      <c r="CM16" s="286"/>
      <c r="CN16" s="287"/>
      <c r="CO16" s="132">
        <v>9641</v>
      </c>
      <c r="CP16" s="133"/>
      <c r="CQ16" s="133"/>
      <c r="CR16" s="133"/>
      <c r="CS16" s="133"/>
      <c r="CT16" s="133"/>
      <c r="CU16" s="133"/>
      <c r="CV16" s="133"/>
      <c r="CW16" s="133"/>
      <c r="CX16" s="133"/>
      <c r="CY16" s="133">
        <v>19362</v>
      </c>
      <c r="CZ16" s="133"/>
      <c r="DA16" s="133"/>
      <c r="DB16" s="133"/>
      <c r="DC16" s="133"/>
      <c r="DD16" s="133"/>
      <c r="DE16" s="133"/>
      <c r="DF16" s="133"/>
      <c r="DG16" s="133"/>
      <c r="DH16" s="411"/>
      <c r="DI16" s="5"/>
    </row>
    <row r="17" spans="2:113" ht="13.5" customHeight="1" x14ac:dyDescent="0.15">
      <c r="B17" s="344" t="s">
        <v>249</v>
      </c>
      <c r="C17" s="280"/>
      <c r="D17" s="280"/>
      <c r="E17" s="280"/>
      <c r="F17" s="280"/>
      <c r="G17" s="280"/>
      <c r="H17" s="280"/>
      <c r="I17" s="280"/>
      <c r="J17" s="280"/>
      <c r="K17" s="280"/>
      <c r="L17" s="281"/>
      <c r="M17" s="132">
        <v>6489938</v>
      </c>
      <c r="N17" s="133"/>
      <c r="O17" s="133"/>
      <c r="P17" s="133"/>
      <c r="Q17" s="133"/>
      <c r="R17" s="133"/>
      <c r="S17" s="133"/>
      <c r="T17" s="133"/>
      <c r="U17" s="113">
        <v>0.4</v>
      </c>
      <c r="V17" s="113"/>
      <c r="W17" s="113"/>
      <c r="X17" s="113"/>
      <c r="Y17" s="133">
        <v>6489938</v>
      </c>
      <c r="Z17" s="133"/>
      <c r="AA17" s="133"/>
      <c r="AB17" s="133"/>
      <c r="AC17" s="133"/>
      <c r="AD17" s="133"/>
      <c r="AE17" s="133"/>
      <c r="AF17" s="133"/>
      <c r="AG17" s="113">
        <v>0.8</v>
      </c>
      <c r="AH17" s="113"/>
      <c r="AI17" s="113"/>
      <c r="AJ17" s="222"/>
      <c r="AK17" s="55"/>
      <c r="AL17" s="109" t="s">
        <v>248</v>
      </c>
      <c r="AM17" s="109"/>
      <c r="AN17" s="109"/>
      <c r="AO17" s="109"/>
      <c r="AP17" s="109"/>
      <c r="AQ17" s="109"/>
      <c r="AR17" s="109"/>
      <c r="AS17" s="109"/>
      <c r="AT17" s="109"/>
      <c r="AU17" s="109"/>
      <c r="AV17" s="110"/>
      <c r="AW17" s="132">
        <v>651834407</v>
      </c>
      <c r="AX17" s="133"/>
      <c r="AY17" s="133"/>
      <c r="AZ17" s="133"/>
      <c r="BA17" s="133"/>
      <c r="BB17" s="133"/>
      <c r="BC17" s="133"/>
      <c r="BD17" s="133"/>
      <c r="BE17" s="133"/>
      <c r="BF17" s="113">
        <v>88.4</v>
      </c>
      <c r="BG17" s="113"/>
      <c r="BH17" s="113"/>
      <c r="BI17" s="113"/>
      <c r="BJ17" s="133">
        <v>20466207</v>
      </c>
      <c r="BK17" s="340"/>
      <c r="BL17" s="340"/>
      <c r="BM17" s="340"/>
      <c r="BN17" s="340"/>
      <c r="BO17" s="340"/>
      <c r="BP17" s="341"/>
      <c r="BQ17" s="131" t="s">
        <v>247</v>
      </c>
      <c r="BR17" s="109"/>
      <c r="BS17" s="109"/>
      <c r="BT17" s="109"/>
      <c r="BU17" s="110"/>
      <c r="BV17" s="336" t="s">
        <v>220</v>
      </c>
      <c r="BW17" s="337"/>
      <c r="BX17" s="423"/>
      <c r="BY17" s="393"/>
      <c r="BZ17" s="131" t="s">
        <v>246</v>
      </c>
      <c r="CA17" s="286"/>
      <c r="CB17" s="286"/>
      <c r="CC17" s="286"/>
      <c r="CD17" s="286"/>
      <c r="CE17" s="286"/>
      <c r="CF17" s="286"/>
      <c r="CG17" s="286"/>
      <c r="CH17" s="286"/>
      <c r="CI17" s="286"/>
      <c r="CJ17" s="286"/>
      <c r="CK17" s="286"/>
      <c r="CL17" s="286"/>
      <c r="CM17" s="286"/>
      <c r="CN17" s="287"/>
      <c r="CO17" s="132">
        <v>4081504</v>
      </c>
      <c r="CP17" s="133"/>
      <c r="CQ17" s="133"/>
      <c r="CR17" s="133"/>
      <c r="CS17" s="133"/>
      <c r="CT17" s="133"/>
      <c r="CU17" s="133"/>
      <c r="CV17" s="133"/>
      <c r="CW17" s="133"/>
      <c r="CX17" s="133"/>
      <c r="CY17" s="133">
        <v>2926523</v>
      </c>
      <c r="CZ17" s="133"/>
      <c r="DA17" s="133"/>
      <c r="DB17" s="133"/>
      <c r="DC17" s="133"/>
      <c r="DD17" s="133"/>
      <c r="DE17" s="133"/>
      <c r="DF17" s="133"/>
      <c r="DG17" s="133"/>
      <c r="DH17" s="411"/>
      <c r="DI17" s="5"/>
    </row>
    <row r="18" spans="2:113" ht="13.5" customHeight="1" x14ac:dyDescent="0.15">
      <c r="B18" s="344" t="s">
        <v>245</v>
      </c>
      <c r="C18" s="280"/>
      <c r="D18" s="280"/>
      <c r="E18" s="280"/>
      <c r="F18" s="280"/>
      <c r="G18" s="280"/>
      <c r="H18" s="280"/>
      <c r="I18" s="280"/>
      <c r="J18" s="280"/>
      <c r="K18" s="280"/>
      <c r="L18" s="281"/>
      <c r="M18" s="132">
        <v>59102525</v>
      </c>
      <c r="N18" s="133"/>
      <c r="O18" s="133"/>
      <c r="P18" s="133"/>
      <c r="Q18" s="133"/>
      <c r="R18" s="133"/>
      <c r="S18" s="133"/>
      <c r="T18" s="133"/>
      <c r="U18" s="113">
        <v>3.4</v>
      </c>
      <c r="V18" s="113"/>
      <c r="W18" s="113"/>
      <c r="X18" s="113"/>
      <c r="Y18" s="133">
        <v>59102525</v>
      </c>
      <c r="Z18" s="133"/>
      <c r="AA18" s="133"/>
      <c r="AB18" s="133"/>
      <c r="AC18" s="133"/>
      <c r="AD18" s="133"/>
      <c r="AE18" s="133"/>
      <c r="AF18" s="133"/>
      <c r="AG18" s="113">
        <v>7.1</v>
      </c>
      <c r="AH18" s="113"/>
      <c r="AI18" s="113"/>
      <c r="AJ18" s="222"/>
      <c r="AK18" s="55"/>
      <c r="AL18" s="7"/>
      <c r="AM18" s="407" t="s">
        <v>14</v>
      </c>
      <c r="AN18" s="407"/>
      <c r="AO18" s="407"/>
      <c r="AP18" s="407"/>
      <c r="AQ18" s="407"/>
      <c r="AR18" s="407"/>
      <c r="AS18" s="407"/>
      <c r="AT18" s="407"/>
      <c r="AU18" s="407"/>
      <c r="AV18" s="408"/>
      <c r="AW18" s="132">
        <v>338079696</v>
      </c>
      <c r="AX18" s="133"/>
      <c r="AY18" s="133"/>
      <c r="AZ18" s="133"/>
      <c r="BA18" s="133"/>
      <c r="BB18" s="133"/>
      <c r="BC18" s="133"/>
      <c r="BD18" s="133"/>
      <c r="BE18" s="133"/>
      <c r="BF18" s="113">
        <v>45.8</v>
      </c>
      <c r="BG18" s="113"/>
      <c r="BH18" s="113"/>
      <c r="BI18" s="113"/>
      <c r="BJ18" s="133">
        <v>20466207</v>
      </c>
      <c r="BK18" s="340"/>
      <c r="BL18" s="340"/>
      <c r="BM18" s="340"/>
      <c r="BN18" s="340"/>
      <c r="BO18" s="340"/>
      <c r="BP18" s="341"/>
      <c r="BQ18" s="131" t="s">
        <v>244</v>
      </c>
      <c r="BR18" s="109"/>
      <c r="BS18" s="109"/>
      <c r="BT18" s="109"/>
      <c r="BU18" s="110"/>
      <c r="BV18" s="336" t="s">
        <v>220</v>
      </c>
      <c r="BW18" s="337"/>
      <c r="BX18" s="423"/>
      <c r="BY18" s="393"/>
      <c r="BZ18" s="131" t="s">
        <v>243</v>
      </c>
      <c r="CA18" s="286"/>
      <c r="CB18" s="286"/>
      <c r="CC18" s="286"/>
      <c r="CD18" s="286"/>
      <c r="CE18" s="286"/>
      <c r="CF18" s="286"/>
      <c r="CG18" s="286"/>
      <c r="CH18" s="286"/>
      <c r="CI18" s="286"/>
      <c r="CJ18" s="286"/>
      <c r="CK18" s="286"/>
      <c r="CL18" s="286"/>
      <c r="CM18" s="286"/>
      <c r="CN18" s="287"/>
      <c r="CO18" s="132" t="s">
        <v>15</v>
      </c>
      <c r="CP18" s="133"/>
      <c r="CQ18" s="133"/>
      <c r="CR18" s="133"/>
      <c r="CS18" s="133"/>
      <c r="CT18" s="133"/>
      <c r="CU18" s="133"/>
      <c r="CV18" s="133"/>
      <c r="CW18" s="133"/>
      <c r="CX18" s="133"/>
      <c r="CY18" s="133" t="s">
        <v>15</v>
      </c>
      <c r="CZ18" s="133"/>
      <c r="DA18" s="133"/>
      <c r="DB18" s="133"/>
      <c r="DC18" s="133"/>
      <c r="DD18" s="133"/>
      <c r="DE18" s="133"/>
      <c r="DF18" s="133"/>
      <c r="DG18" s="133"/>
      <c r="DH18" s="411"/>
      <c r="DI18" s="5"/>
    </row>
    <row r="19" spans="2:113" ht="13.5" customHeight="1" x14ac:dyDescent="0.15">
      <c r="B19" s="344" t="s">
        <v>242</v>
      </c>
      <c r="C19" s="280"/>
      <c r="D19" s="280"/>
      <c r="E19" s="280"/>
      <c r="F19" s="280"/>
      <c r="G19" s="280"/>
      <c r="H19" s="280"/>
      <c r="I19" s="280"/>
      <c r="J19" s="280"/>
      <c r="K19" s="280"/>
      <c r="L19" s="281"/>
      <c r="M19" s="132" t="s">
        <v>15</v>
      </c>
      <c r="N19" s="133"/>
      <c r="O19" s="133"/>
      <c r="P19" s="133"/>
      <c r="Q19" s="133"/>
      <c r="R19" s="133"/>
      <c r="S19" s="133"/>
      <c r="T19" s="133"/>
      <c r="U19" s="113" t="s">
        <v>232</v>
      </c>
      <c r="V19" s="113"/>
      <c r="W19" s="113"/>
      <c r="X19" s="113"/>
      <c r="Y19" s="133" t="s">
        <v>232</v>
      </c>
      <c r="Z19" s="133"/>
      <c r="AA19" s="133"/>
      <c r="AB19" s="133"/>
      <c r="AC19" s="133"/>
      <c r="AD19" s="133"/>
      <c r="AE19" s="133"/>
      <c r="AF19" s="133"/>
      <c r="AG19" s="113" t="s">
        <v>232</v>
      </c>
      <c r="AH19" s="113"/>
      <c r="AI19" s="113"/>
      <c r="AJ19" s="222"/>
      <c r="AK19" s="418" t="s">
        <v>185</v>
      </c>
      <c r="AL19" s="67"/>
      <c r="AM19" s="66"/>
      <c r="AN19" s="402" t="s">
        <v>241</v>
      </c>
      <c r="AO19" s="402"/>
      <c r="AP19" s="402"/>
      <c r="AQ19" s="402"/>
      <c r="AR19" s="402"/>
      <c r="AS19" s="402"/>
      <c r="AT19" s="402"/>
      <c r="AU19" s="402"/>
      <c r="AV19" s="403"/>
      <c r="AW19" s="203">
        <v>4441937</v>
      </c>
      <c r="AX19" s="157"/>
      <c r="AY19" s="157"/>
      <c r="AZ19" s="157"/>
      <c r="BA19" s="157"/>
      <c r="BB19" s="157"/>
      <c r="BC19" s="157"/>
      <c r="BD19" s="157"/>
      <c r="BE19" s="157"/>
      <c r="BF19" s="204">
        <v>0.6</v>
      </c>
      <c r="BG19" s="204"/>
      <c r="BH19" s="204"/>
      <c r="BI19" s="204"/>
      <c r="BJ19" s="157" t="s">
        <v>232</v>
      </c>
      <c r="BK19" s="342"/>
      <c r="BL19" s="342"/>
      <c r="BM19" s="342"/>
      <c r="BN19" s="342"/>
      <c r="BO19" s="342"/>
      <c r="BP19" s="343"/>
      <c r="BQ19" s="131" t="s">
        <v>240</v>
      </c>
      <c r="BR19" s="109"/>
      <c r="BS19" s="109"/>
      <c r="BT19" s="109"/>
      <c r="BU19" s="110"/>
      <c r="BV19" s="336" t="s">
        <v>220</v>
      </c>
      <c r="BW19" s="337"/>
      <c r="BX19" s="423"/>
      <c r="BY19" s="393"/>
      <c r="BZ19" s="131" t="s">
        <v>239</v>
      </c>
      <c r="CA19" s="286"/>
      <c r="CB19" s="286"/>
      <c r="CC19" s="286"/>
      <c r="CD19" s="286"/>
      <c r="CE19" s="286"/>
      <c r="CF19" s="286"/>
      <c r="CG19" s="286"/>
      <c r="CH19" s="286"/>
      <c r="CI19" s="286"/>
      <c r="CJ19" s="286"/>
      <c r="CK19" s="286"/>
      <c r="CL19" s="286"/>
      <c r="CM19" s="286"/>
      <c r="CN19" s="287"/>
      <c r="CO19" s="132">
        <v>6670882</v>
      </c>
      <c r="CP19" s="133"/>
      <c r="CQ19" s="133"/>
      <c r="CR19" s="133"/>
      <c r="CS19" s="133"/>
      <c r="CT19" s="133"/>
      <c r="CU19" s="133"/>
      <c r="CV19" s="133"/>
      <c r="CW19" s="133"/>
      <c r="CX19" s="133"/>
      <c r="CY19" s="133">
        <v>6549061</v>
      </c>
      <c r="CZ19" s="133"/>
      <c r="DA19" s="133"/>
      <c r="DB19" s="133"/>
      <c r="DC19" s="133"/>
      <c r="DD19" s="133"/>
      <c r="DE19" s="133"/>
      <c r="DF19" s="133"/>
      <c r="DG19" s="133"/>
      <c r="DH19" s="411"/>
      <c r="DI19" s="5"/>
    </row>
    <row r="20" spans="2:113" ht="13.5" customHeight="1" x14ac:dyDescent="0.15">
      <c r="B20" s="344" t="s">
        <v>238</v>
      </c>
      <c r="C20" s="280"/>
      <c r="D20" s="280"/>
      <c r="E20" s="280"/>
      <c r="F20" s="280"/>
      <c r="G20" s="280"/>
      <c r="H20" s="280"/>
      <c r="I20" s="280"/>
      <c r="J20" s="280"/>
      <c r="K20" s="280"/>
      <c r="L20" s="281"/>
      <c r="M20" s="132" t="s">
        <v>232</v>
      </c>
      <c r="N20" s="133"/>
      <c r="O20" s="133"/>
      <c r="P20" s="133"/>
      <c r="Q20" s="133"/>
      <c r="R20" s="133"/>
      <c r="S20" s="133"/>
      <c r="T20" s="133"/>
      <c r="U20" s="113" t="s">
        <v>232</v>
      </c>
      <c r="V20" s="113"/>
      <c r="W20" s="113"/>
      <c r="X20" s="113"/>
      <c r="Y20" s="133" t="s">
        <v>232</v>
      </c>
      <c r="Z20" s="133"/>
      <c r="AA20" s="133"/>
      <c r="AB20" s="133"/>
      <c r="AC20" s="133"/>
      <c r="AD20" s="133"/>
      <c r="AE20" s="133"/>
      <c r="AF20" s="133"/>
      <c r="AG20" s="113" t="s">
        <v>232</v>
      </c>
      <c r="AH20" s="113"/>
      <c r="AI20" s="113"/>
      <c r="AJ20" s="222"/>
      <c r="AK20" s="419"/>
      <c r="AL20" s="65"/>
      <c r="AM20" s="7"/>
      <c r="AN20" s="109" t="s">
        <v>237</v>
      </c>
      <c r="AO20" s="109"/>
      <c r="AP20" s="109"/>
      <c r="AQ20" s="109"/>
      <c r="AR20" s="109"/>
      <c r="AS20" s="109"/>
      <c r="AT20" s="109"/>
      <c r="AU20" s="109"/>
      <c r="AV20" s="110"/>
      <c r="AW20" s="132">
        <v>194861143</v>
      </c>
      <c r="AX20" s="133"/>
      <c r="AY20" s="133"/>
      <c r="AZ20" s="133"/>
      <c r="BA20" s="133"/>
      <c r="BB20" s="133"/>
      <c r="BC20" s="133"/>
      <c r="BD20" s="133"/>
      <c r="BE20" s="133"/>
      <c r="BF20" s="113">
        <v>26.4</v>
      </c>
      <c r="BG20" s="113"/>
      <c r="BH20" s="113"/>
      <c r="BI20" s="113"/>
      <c r="BJ20" s="133" t="s">
        <v>232</v>
      </c>
      <c r="BK20" s="340"/>
      <c r="BL20" s="340"/>
      <c r="BM20" s="340"/>
      <c r="BN20" s="340"/>
      <c r="BO20" s="340"/>
      <c r="BP20" s="341"/>
      <c r="BQ20" s="131" t="s">
        <v>236</v>
      </c>
      <c r="BR20" s="109"/>
      <c r="BS20" s="109"/>
      <c r="BT20" s="109"/>
      <c r="BU20" s="110"/>
      <c r="BV20" s="336" t="s">
        <v>220</v>
      </c>
      <c r="BW20" s="337"/>
      <c r="BX20" s="394"/>
      <c r="BY20" s="395"/>
      <c r="BZ20" s="196" t="s">
        <v>235</v>
      </c>
      <c r="CA20" s="409"/>
      <c r="CB20" s="409"/>
      <c r="CC20" s="409"/>
      <c r="CD20" s="409"/>
      <c r="CE20" s="409"/>
      <c r="CF20" s="409"/>
      <c r="CG20" s="409"/>
      <c r="CH20" s="409"/>
      <c r="CI20" s="409"/>
      <c r="CJ20" s="409"/>
      <c r="CK20" s="409"/>
      <c r="CL20" s="409"/>
      <c r="CM20" s="409"/>
      <c r="CN20" s="410"/>
      <c r="CO20" s="132">
        <v>-2579737</v>
      </c>
      <c r="CP20" s="133"/>
      <c r="CQ20" s="133"/>
      <c r="CR20" s="133"/>
      <c r="CS20" s="133"/>
      <c r="CT20" s="133"/>
      <c r="CU20" s="133"/>
      <c r="CV20" s="133"/>
      <c r="CW20" s="133"/>
      <c r="CX20" s="133"/>
      <c r="CY20" s="133">
        <v>-3603176</v>
      </c>
      <c r="CZ20" s="133"/>
      <c r="DA20" s="133"/>
      <c r="DB20" s="133"/>
      <c r="DC20" s="133"/>
      <c r="DD20" s="133"/>
      <c r="DE20" s="133"/>
      <c r="DF20" s="133"/>
      <c r="DG20" s="133"/>
      <c r="DH20" s="411"/>
      <c r="DI20" s="5"/>
    </row>
    <row r="21" spans="2:113" ht="13.5" customHeight="1" x14ac:dyDescent="0.15">
      <c r="B21" s="344" t="s">
        <v>234</v>
      </c>
      <c r="C21" s="280"/>
      <c r="D21" s="280"/>
      <c r="E21" s="280"/>
      <c r="F21" s="280"/>
      <c r="G21" s="280"/>
      <c r="H21" s="280"/>
      <c r="I21" s="280"/>
      <c r="J21" s="280"/>
      <c r="K21" s="280"/>
      <c r="L21" s="281"/>
      <c r="M21" s="132">
        <v>3294323</v>
      </c>
      <c r="N21" s="133"/>
      <c r="O21" s="133"/>
      <c r="P21" s="133"/>
      <c r="Q21" s="133"/>
      <c r="R21" s="133"/>
      <c r="S21" s="133"/>
      <c r="T21" s="133"/>
      <c r="U21" s="113">
        <v>0.2</v>
      </c>
      <c r="V21" s="113"/>
      <c r="W21" s="113"/>
      <c r="X21" s="113"/>
      <c r="Y21" s="133">
        <v>3294323</v>
      </c>
      <c r="Z21" s="133"/>
      <c r="AA21" s="133"/>
      <c r="AB21" s="133"/>
      <c r="AC21" s="133"/>
      <c r="AD21" s="133"/>
      <c r="AE21" s="133"/>
      <c r="AF21" s="133"/>
      <c r="AG21" s="113">
        <v>0.4</v>
      </c>
      <c r="AH21" s="113"/>
      <c r="AI21" s="113"/>
      <c r="AJ21" s="222"/>
      <c r="AK21" s="419"/>
      <c r="AL21" s="65"/>
      <c r="AM21" s="7"/>
      <c r="AN21" s="109" t="s">
        <v>233</v>
      </c>
      <c r="AO21" s="109"/>
      <c r="AP21" s="109"/>
      <c r="AQ21" s="109"/>
      <c r="AR21" s="109"/>
      <c r="AS21" s="109"/>
      <c r="AT21" s="109"/>
      <c r="AU21" s="109"/>
      <c r="AV21" s="110"/>
      <c r="AW21" s="132">
        <v>19139918</v>
      </c>
      <c r="AX21" s="133"/>
      <c r="AY21" s="133"/>
      <c r="AZ21" s="133"/>
      <c r="BA21" s="133"/>
      <c r="BB21" s="133"/>
      <c r="BC21" s="133"/>
      <c r="BD21" s="133"/>
      <c r="BE21" s="133"/>
      <c r="BF21" s="113">
        <v>2.6</v>
      </c>
      <c r="BG21" s="113"/>
      <c r="BH21" s="113"/>
      <c r="BI21" s="113"/>
      <c r="BJ21" s="133" t="s">
        <v>232</v>
      </c>
      <c r="BK21" s="340"/>
      <c r="BL21" s="340"/>
      <c r="BM21" s="340"/>
      <c r="BN21" s="340"/>
      <c r="BO21" s="340"/>
      <c r="BP21" s="341"/>
      <c r="BQ21" s="131" t="s">
        <v>231</v>
      </c>
      <c r="BR21" s="109"/>
      <c r="BS21" s="109"/>
      <c r="BT21" s="109"/>
      <c r="BU21" s="110"/>
      <c r="BV21" s="336" t="s">
        <v>220</v>
      </c>
      <c r="BW21" s="337"/>
      <c r="BX21" s="31"/>
      <c r="BY21" s="33"/>
      <c r="BZ21" s="33"/>
      <c r="CA21" s="300" t="s">
        <v>230</v>
      </c>
      <c r="CB21" s="300"/>
      <c r="CC21" s="300"/>
      <c r="CD21" s="300"/>
      <c r="CE21" s="300"/>
      <c r="CF21" s="300"/>
      <c r="CG21" s="300"/>
      <c r="CH21" s="300"/>
      <c r="CI21" s="300"/>
      <c r="CJ21" s="300"/>
      <c r="CK21" s="300"/>
      <c r="CL21" s="32"/>
      <c r="CM21" s="32"/>
      <c r="CN21" s="30"/>
      <c r="CO21" s="412" t="s">
        <v>229</v>
      </c>
      <c r="CP21" s="126"/>
      <c r="CQ21" s="126"/>
      <c r="CR21" s="126"/>
      <c r="CS21" s="126"/>
      <c r="CT21" s="413" t="s">
        <v>228</v>
      </c>
      <c r="CU21" s="300"/>
      <c r="CV21" s="300"/>
      <c r="CW21" s="300"/>
      <c r="CX21" s="300"/>
      <c r="CY21" s="302"/>
      <c r="CZ21" s="413" t="s">
        <v>227</v>
      </c>
      <c r="DA21" s="206"/>
      <c r="DB21" s="206"/>
      <c r="DC21" s="206"/>
      <c r="DD21" s="206"/>
      <c r="DE21" s="206"/>
      <c r="DF21" s="206"/>
      <c r="DG21" s="206"/>
      <c r="DH21" s="414"/>
      <c r="DI21" s="5"/>
    </row>
    <row r="22" spans="2:113" ht="13.5" customHeight="1" x14ac:dyDescent="0.15">
      <c r="B22" s="205" t="s">
        <v>226</v>
      </c>
      <c r="C22" s="109"/>
      <c r="D22" s="109"/>
      <c r="E22" s="109"/>
      <c r="F22" s="109"/>
      <c r="G22" s="109"/>
      <c r="H22" s="109"/>
      <c r="I22" s="109"/>
      <c r="J22" s="109"/>
      <c r="K22" s="109"/>
      <c r="L22" s="110"/>
      <c r="M22" s="132">
        <v>11795864</v>
      </c>
      <c r="N22" s="133"/>
      <c r="O22" s="133"/>
      <c r="P22" s="133"/>
      <c r="Q22" s="133"/>
      <c r="R22" s="133"/>
      <c r="S22" s="133"/>
      <c r="T22" s="133"/>
      <c r="U22" s="113">
        <v>0.7</v>
      </c>
      <c r="V22" s="113"/>
      <c r="W22" s="113"/>
      <c r="X22" s="113"/>
      <c r="Y22" s="133">
        <v>11795864</v>
      </c>
      <c r="Z22" s="133"/>
      <c r="AA22" s="133"/>
      <c r="AB22" s="133"/>
      <c r="AC22" s="133"/>
      <c r="AD22" s="133"/>
      <c r="AE22" s="133"/>
      <c r="AF22" s="133"/>
      <c r="AG22" s="113">
        <v>1.4</v>
      </c>
      <c r="AH22" s="113"/>
      <c r="AI22" s="113"/>
      <c r="AJ22" s="222"/>
      <c r="AK22" s="420"/>
      <c r="AL22" s="64"/>
      <c r="AM22" s="63"/>
      <c r="AN22" s="407" t="s">
        <v>225</v>
      </c>
      <c r="AO22" s="407"/>
      <c r="AP22" s="407"/>
      <c r="AQ22" s="407"/>
      <c r="AR22" s="407"/>
      <c r="AS22" s="407"/>
      <c r="AT22" s="407"/>
      <c r="AU22" s="407"/>
      <c r="AV22" s="408"/>
      <c r="AW22" s="141">
        <v>119636698</v>
      </c>
      <c r="AX22" s="142"/>
      <c r="AY22" s="142"/>
      <c r="AZ22" s="142"/>
      <c r="BA22" s="142"/>
      <c r="BB22" s="142"/>
      <c r="BC22" s="142"/>
      <c r="BD22" s="142"/>
      <c r="BE22" s="142"/>
      <c r="BF22" s="143">
        <v>16.2</v>
      </c>
      <c r="BG22" s="143"/>
      <c r="BH22" s="143"/>
      <c r="BI22" s="143"/>
      <c r="BJ22" s="142">
        <v>20466207</v>
      </c>
      <c r="BK22" s="347"/>
      <c r="BL22" s="347"/>
      <c r="BM22" s="347"/>
      <c r="BN22" s="347"/>
      <c r="BO22" s="347"/>
      <c r="BP22" s="348"/>
      <c r="BQ22" s="131" t="s">
        <v>224</v>
      </c>
      <c r="BR22" s="109"/>
      <c r="BS22" s="109"/>
      <c r="BT22" s="109"/>
      <c r="BU22" s="110"/>
      <c r="BV22" s="336" t="s">
        <v>208</v>
      </c>
      <c r="BW22" s="337"/>
      <c r="BX22" s="62"/>
      <c r="BY22" s="61"/>
      <c r="BZ22" s="60"/>
      <c r="CA22" s="321"/>
      <c r="CB22" s="321"/>
      <c r="CC22" s="321"/>
      <c r="CD22" s="321"/>
      <c r="CE22" s="321"/>
      <c r="CF22" s="321"/>
      <c r="CG22" s="321"/>
      <c r="CH22" s="321"/>
      <c r="CI22" s="321"/>
      <c r="CJ22" s="321"/>
      <c r="CK22" s="321"/>
      <c r="CL22" s="60"/>
      <c r="CM22" s="60"/>
      <c r="CN22" s="59"/>
      <c r="CO22" s="208"/>
      <c r="CP22" s="197"/>
      <c r="CQ22" s="197"/>
      <c r="CR22" s="197"/>
      <c r="CS22" s="197"/>
      <c r="CT22" s="368"/>
      <c r="CU22" s="321"/>
      <c r="CV22" s="321"/>
      <c r="CW22" s="321"/>
      <c r="CX22" s="321"/>
      <c r="CY22" s="369"/>
      <c r="CZ22" s="415"/>
      <c r="DA22" s="416"/>
      <c r="DB22" s="416"/>
      <c r="DC22" s="416"/>
      <c r="DD22" s="416"/>
      <c r="DE22" s="416"/>
      <c r="DF22" s="416"/>
      <c r="DG22" s="416"/>
      <c r="DH22" s="417"/>
      <c r="DI22" s="5"/>
    </row>
    <row r="23" spans="2:113" ht="13.5" customHeight="1" x14ac:dyDescent="0.15">
      <c r="B23" s="205" t="s">
        <v>223</v>
      </c>
      <c r="C23" s="109"/>
      <c r="D23" s="109"/>
      <c r="E23" s="109"/>
      <c r="F23" s="109"/>
      <c r="G23" s="109"/>
      <c r="H23" s="109"/>
      <c r="I23" s="109"/>
      <c r="J23" s="109"/>
      <c r="K23" s="109"/>
      <c r="L23" s="110"/>
      <c r="M23" s="132">
        <v>2526683</v>
      </c>
      <c r="N23" s="133"/>
      <c r="O23" s="133"/>
      <c r="P23" s="133"/>
      <c r="Q23" s="133"/>
      <c r="R23" s="133"/>
      <c r="S23" s="133"/>
      <c r="T23" s="133"/>
      <c r="U23" s="113">
        <v>0.1</v>
      </c>
      <c r="V23" s="113"/>
      <c r="W23" s="113"/>
      <c r="X23" s="113"/>
      <c r="Y23" s="133">
        <v>2526683</v>
      </c>
      <c r="Z23" s="133"/>
      <c r="AA23" s="133"/>
      <c r="AB23" s="133"/>
      <c r="AC23" s="133"/>
      <c r="AD23" s="133"/>
      <c r="AE23" s="133"/>
      <c r="AF23" s="133"/>
      <c r="AG23" s="113">
        <v>0.3</v>
      </c>
      <c r="AH23" s="113"/>
      <c r="AI23" s="113"/>
      <c r="AJ23" s="222"/>
      <c r="AK23" s="52"/>
      <c r="AL23" s="5"/>
      <c r="AM23" s="402" t="s">
        <v>222</v>
      </c>
      <c r="AN23" s="402"/>
      <c r="AO23" s="402"/>
      <c r="AP23" s="402"/>
      <c r="AQ23" s="402"/>
      <c r="AR23" s="402"/>
      <c r="AS23" s="402"/>
      <c r="AT23" s="402"/>
      <c r="AU23" s="402"/>
      <c r="AV23" s="403"/>
      <c r="AW23" s="203">
        <v>283108379</v>
      </c>
      <c r="AX23" s="157"/>
      <c r="AY23" s="157"/>
      <c r="AZ23" s="157"/>
      <c r="BA23" s="157"/>
      <c r="BB23" s="157"/>
      <c r="BC23" s="157"/>
      <c r="BD23" s="157"/>
      <c r="BE23" s="157"/>
      <c r="BF23" s="204">
        <v>38.4</v>
      </c>
      <c r="BG23" s="204"/>
      <c r="BH23" s="204"/>
      <c r="BI23" s="204"/>
      <c r="BJ23" s="157" t="s">
        <v>15</v>
      </c>
      <c r="BK23" s="342"/>
      <c r="BL23" s="342"/>
      <c r="BM23" s="342"/>
      <c r="BN23" s="342"/>
      <c r="BO23" s="342"/>
      <c r="BP23" s="343"/>
      <c r="BQ23" s="349" t="s">
        <v>221</v>
      </c>
      <c r="BR23" s="280"/>
      <c r="BS23" s="280"/>
      <c r="BT23" s="280"/>
      <c r="BU23" s="281"/>
      <c r="BV23" s="336" t="s">
        <v>220</v>
      </c>
      <c r="BW23" s="337"/>
      <c r="BX23" s="191" t="s">
        <v>219</v>
      </c>
      <c r="BY23" s="393"/>
      <c r="BZ23" s="233" t="s">
        <v>218</v>
      </c>
      <c r="CA23" s="234"/>
      <c r="CB23" s="234"/>
      <c r="CC23" s="234"/>
      <c r="CD23" s="234"/>
      <c r="CE23" s="234"/>
      <c r="CF23" s="234"/>
      <c r="CG23" s="234"/>
      <c r="CH23" s="234"/>
      <c r="CI23" s="234"/>
      <c r="CJ23" s="234"/>
      <c r="CK23" s="234"/>
      <c r="CL23" s="234"/>
      <c r="CM23" s="234"/>
      <c r="CN23" s="235"/>
      <c r="CO23" s="187">
        <v>20500</v>
      </c>
      <c r="CP23" s="188"/>
      <c r="CQ23" s="188"/>
      <c r="CR23" s="188"/>
      <c r="CS23" s="188"/>
      <c r="CT23" s="162">
        <v>62033000</v>
      </c>
      <c r="CU23" s="162"/>
      <c r="CV23" s="162"/>
      <c r="CW23" s="162"/>
      <c r="CX23" s="162"/>
      <c r="CY23" s="162"/>
      <c r="CZ23" s="162">
        <v>3026</v>
      </c>
      <c r="DA23" s="162"/>
      <c r="DB23" s="162"/>
      <c r="DC23" s="162"/>
      <c r="DD23" s="162"/>
      <c r="DE23" s="162"/>
      <c r="DF23" s="162"/>
      <c r="DG23" s="162"/>
      <c r="DH23" s="165"/>
      <c r="DI23" s="5"/>
    </row>
    <row r="24" spans="2:113" ht="13.5" customHeight="1" x14ac:dyDescent="0.15">
      <c r="B24" s="205" t="s">
        <v>217</v>
      </c>
      <c r="C24" s="109"/>
      <c r="D24" s="109"/>
      <c r="E24" s="109"/>
      <c r="F24" s="109"/>
      <c r="G24" s="109"/>
      <c r="H24" s="109"/>
      <c r="I24" s="109"/>
      <c r="J24" s="109"/>
      <c r="K24" s="109"/>
      <c r="L24" s="110"/>
      <c r="M24" s="132">
        <v>43642114</v>
      </c>
      <c r="N24" s="133"/>
      <c r="O24" s="133"/>
      <c r="P24" s="133"/>
      <c r="Q24" s="133"/>
      <c r="R24" s="133"/>
      <c r="S24" s="133"/>
      <c r="T24" s="133"/>
      <c r="U24" s="113">
        <v>2.5</v>
      </c>
      <c r="V24" s="113"/>
      <c r="W24" s="113"/>
      <c r="X24" s="113"/>
      <c r="Y24" s="133">
        <v>42294478</v>
      </c>
      <c r="Z24" s="133"/>
      <c r="AA24" s="133"/>
      <c r="AB24" s="133"/>
      <c r="AC24" s="133"/>
      <c r="AD24" s="133"/>
      <c r="AE24" s="133"/>
      <c r="AF24" s="133"/>
      <c r="AG24" s="113">
        <v>5.0999999999999996</v>
      </c>
      <c r="AH24" s="113"/>
      <c r="AI24" s="113"/>
      <c r="AJ24" s="222"/>
      <c r="AK24" s="52"/>
      <c r="AL24" s="5"/>
      <c r="AM24" s="5"/>
      <c r="AN24" s="109" t="s">
        <v>216</v>
      </c>
      <c r="AO24" s="109"/>
      <c r="AP24" s="109"/>
      <c r="AQ24" s="109"/>
      <c r="AR24" s="109"/>
      <c r="AS24" s="109"/>
      <c r="AT24" s="109"/>
      <c r="AU24" s="109"/>
      <c r="AV24" s="110"/>
      <c r="AW24" s="132">
        <v>282838633</v>
      </c>
      <c r="AX24" s="133"/>
      <c r="AY24" s="133"/>
      <c r="AZ24" s="133"/>
      <c r="BA24" s="133"/>
      <c r="BB24" s="133"/>
      <c r="BC24" s="133"/>
      <c r="BD24" s="133"/>
      <c r="BE24" s="133"/>
      <c r="BF24" s="113">
        <v>38.4</v>
      </c>
      <c r="BG24" s="113"/>
      <c r="BH24" s="113"/>
      <c r="BI24" s="113"/>
      <c r="BJ24" s="133" t="s">
        <v>15</v>
      </c>
      <c r="BK24" s="340"/>
      <c r="BL24" s="340"/>
      <c r="BM24" s="340"/>
      <c r="BN24" s="340"/>
      <c r="BO24" s="340"/>
      <c r="BP24" s="341"/>
      <c r="BQ24" s="404" t="s">
        <v>215</v>
      </c>
      <c r="BR24" s="405"/>
      <c r="BS24" s="405"/>
      <c r="BT24" s="405"/>
      <c r="BU24" s="406"/>
      <c r="BV24" s="336" t="s">
        <v>214</v>
      </c>
      <c r="BW24" s="337"/>
      <c r="BX24" s="191"/>
      <c r="BY24" s="393"/>
      <c r="BZ24" s="58"/>
      <c r="CA24" s="109" t="s">
        <v>213</v>
      </c>
      <c r="CB24" s="109"/>
      <c r="CC24" s="109"/>
      <c r="CD24" s="109"/>
      <c r="CE24" s="109"/>
      <c r="CF24" s="109"/>
      <c r="CG24" s="109"/>
      <c r="CH24" s="109"/>
      <c r="CI24" s="109"/>
      <c r="CJ24" s="109"/>
      <c r="CK24" s="109"/>
      <c r="CL24" s="109"/>
      <c r="CM24" s="109"/>
      <c r="CN24" s="110"/>
      <c r="CO24" s="132">
        <v>3469</v>
      </c>
      <c r="CP24" s="133"/>
      <c r="CQ24" s="133"/>
      <c r="CR24" s="133"/>
      <c r="CS24" s="133"/>
      <c r="CT24" s="175">
        <v>10174577</v>
      </c>
      <c r="CU24" s="175"/>
      <c r="CV24" s="175"/>
      <c r="CW24" s="175"/>
      <c r="CX24" s="175"/>
      <c r="CY24" s="175"/>
      <c r="CZ24" s="175">
        <v>2933</v>
      </c>
      <c r="DA24" s="175"/>
      <c r="DB24" s="175"/>
      <c r="DC24" s="175"/>
      <c r="DD24" s="175"/>
      <c r="DE24" s="175"/>
      <c r="DF24" s="175"/>
      <c r="DG24" s="175"/>
      <c r="DH24" s="176"/>
      <c r="DI24" s="5"/>
    </row>
    <row r="25" spans="2:113" ht="13.5" customHeight="1" x14ac:dyDescent="0.15">
      <c r="B25" s="396" t="s">
        <v>212</v>
      </c>
      <c r="C25" s="399" t="s">
        <v>211</v>
      </c>
      <c r="D25" s="400"/>
      <c r="E25" s="400"/>
      <c r="F25" s="400"/>
      <c r="G25" s="400"/>
      <c r="H25" s="400"/>
      <c r="I25" s="400"/>
      <c r="J25" s="400"/>
      <c r="K25" s="400"/>
      <c r="L25" s="401"/>
      <c r="M25" s="203">
        <v>42294478</v>
      </c>
      <c r="N25" s="157"/>
      <c r="O25" s="157"/>
      <c r="P25" s="157"/>
      <c r="Q25" s="157"/>
      <c r="R25" s="157"/>
      <c r="S25" s="157"/>
      <c r="T25" s="157"/>
      <c r="U25" s="204">
        <v>2.4</v>
      </c>
      <c r="V25" s="204"/>
      <c r="W25" s="204"/>
      <c r="X25" s="204"/>
      <c r="Y25" s="157">
        <v>42294478</v>
      </c>
      <c r="Z25" s="157"/>
      <c r="AA25" s="157"/>
      <c r="AB25" s="157"/>
      <c r="AC25" s="157"/>
      <c r="AD25" s="157"/>
      <c r="AE25" s="157"/>
      <c r="AF25" s="157"/>
      <c r="AG25" s="204">
        <v>5.0999999999999996</v>
      </c>
      <c r="AH25" s="204"/>
      <c r="AI25" s="204"/>
      <c r="AJ25" s="279"/>
      <c r="AK25" s="52"/>
      <c r="AL25" s="5"/>
      <c r="AM25" s="109" t="s">
        <v>210</v>
      </c>
      <c r="AN25" s="109"/>
      <c r="AO25" s="109"/>
      <c r="AP25" s="109"/>
      <c r="AQ25" s="109"/>
      <c r="AR25" s="109"/>
      <c r="AS25" s="109"/>
      <c r="AT25" s="109"/>
      <c r="AU25" s="109"/>
      <c r="AV25" s="110"/>
      <c r="AW25" s="132">
        <v>1771614</v>
      </c>
      <c r="AX25" s="133"/>
      <c r="AY25" s="133"/>
      <c r="AZ25" s="133"/>
      <c r="BA25" s="133"/>
      <c r="BB25" s="133"/>
      <c r="BC25" s="133"/>
      <c r="BD25" s="133"/>
      <c r="BE25" s="133"/>
      <c r="BF25" s="113">
        <v>0.2</v>
      </c>
      <c r="BG25" s="113"/>
      <c r="BH25" s="113"/>
      <c r="BI25" s="113"/>
      <c r="BJ25" s="133" t="s">
        <v>15</v>
      </c>
      <c r="BK25" s="340"/>
      <c r="BL25" s="340"/>
      <c r="BM25" s="340"/>
      <c r="BN25" s="340"/>
      <c r="BO25" s="340"/>
      <c r="BP25" s="341"/>
      <c r="BQ25" s="131" t="s">
        <v>209</v>
      </c>
      <c r="BR25" s="109"/>
      <c r="BS25" s="109"/>
      <c r="BT25" s="109"/>
      <c r="BU25" s="110"/>
      <c r="BV25" s="336" t="s">
        <v>208</v>
      </c>
      <c r="BW25" s="337"/>
      <c r="BX25" s="191"/>
      <c r="BY25" s="393"/>
      <c r="BZ25" s="57"/>
      <c r="CA25" s="109" t="s">
        <v>207</v>
      </c>
      <c r="CB25" s="109"/>
      <c r="CC25" s="109"/>
      <c r="CD25" s="109"/>
      <c r="CE25" s="109"/>
      <c r="CF25" s="109"/>
      <c r="CG25" s="109"/>
      <c r="CH25" s="109"/>
      <c r="CI25" s="109"/>
      <c r="CJ25" s="109"/>
      <c r="CK25" s="109"/>
      <c r="CL25" s="109"/>
      <c r="CM25" s="109"/>
      <c r="CN25" s="110"/>
      <c r="CO25" s="132">
        <v>4543</v>
      </c>
      <c r="CP25" s="133"/>
      <c r="CQ25" s="133"/>
      <c r="CR25" s="133"/>
      <c r="CS25" s="133"/>
      <c r="CT25" s="175">
        <v>12847604</v>
      </c>
      <c r="CU25" s="175"/>
      <c r="CV25" s="175"/>
      <c r="CW25" s="175"/>
      <c r="CX25" s="175"/>
      <c r="CY25" s="175"/>
      <c r="CZ25" s="175">
        <v>2828</v>
      </c>
      <c r="DA25" s="175"/>
      <c r="DB25" s="175"/>
      <c r="DC25" s="175"/>
      <c r="DD25" s="175"/>
      <c r="DE25" s="175"/>
      <c r="DF25" s="175"/>
      <c r="DG25" s="175"/>
      <c r="DH25" s="176"/>
      <c r="DI25" s="5"/>
    </row>
    <row r="26" spans="2:113" ht="13.5" customHeight="1" x14ac:dyDescent="0.15">
      <c r="B26" s="397"/>
      <c r="C26" s="392" t="s">
        <v>206</v>
      </c>
      <c r="D26" s="280"/>
      <c r="E26" s="280"/>
      <c r="F26" s="280"/>
      <c r="G26" s="280"/>
      <c r="H26" s="280"/>
      <c r="I26" s="280"/>
      <c r="J26" s="280"/>
      <c r="K26" s="280"/>
      <c r="L26" s="281"/>
      <c r="M26" s="132">
        <v>1347549</v>
      </c>
      <c r="N26" s="133"/>
      <c r="O26" s="133"/>
      <c r="P26" s="133"/>
      <c r="Q26" s="133"/>
      <c r="R26" s="133"/>
      <c r="S26" s="133"/>
      <c r="T26" s="133"/>
      <c r="U26" s="113">
        <v>0.1</v>
      </c>
      <c r="V26" s="113"/>
      <c r="W26" s="113"/>
      <c r="X26" s="113"/>
      <c r="Y26" s="133" t="s">
        <v>15</v>
      </c>
      <c r="Z26" s="133"/>
      <c r="AA26" s="133"/>
      <c r="AB26" s="133"/>
      <c r="AC26" s="133"/>
      <c r="AD26" s="133"/>
      <c r="AE26" s="133"/>
      <c r="AF26" s="133"/>
      <c r="AG26" s="113" t="s">
        <v>15</v>
      </c>
      <c r="AH26" s="113"/>
      <c r="AI26" s="113"/>
      <c r="AJ26" s="222"/>
      <c r="AK26" s="52"/>
      <c r="AL26" s="5"/>
      <c r="AM26" s="109" t="s">
        <v>205</v>
      </c>
      <c r="AN26" s="109"/>
      <c r="AO26" s="109"/>
      <c r="AP26" s="109"/>
      <c r="AQ26" s="109"/>
      <c r="AR26" s="109"/>
      <c r="AS26" s="109"/>
      <c r="AT26" s="109"/>
      <c r="AU26" s="109"/>
      <c r="AV26" s="110"/>
      <c r="AW26" s="132">
        <v>28874718</v>
      </c>
      <c r="AX26" s="133"/>
      <c r="AY26" s="133"/>
      <c r="AZ26" s="133"/>
      <c r="BA26" s="133"/>
      <c r="BB26" s="133"/>
      <c r="BC26" s="133"/>
      <c r="BD26" s="133"/>
      <c r="BE26" s="133"/>
      <c r="BF26" s="113">
        <v>3.9</v>
      </c>
      <c r="BG26" s="113"/>
      <c r="BH26" s="113"/>
      <c r="BI26" s="113"/>
      <c r="BJ26" s="133" t="s">
        <v>15</v>
      </c>
      <c r="BK26" s="340"/>
      <c r="BL26" s="340"/>
      <c r="BM26" s="340"/>
      <c r="BN26" s="340"/>
      <c r="BO26" s="340"/>
      <c r="BP26" s="341"/>
      <c r="BQ26" s="131"/>
      <c r="BR26" s="109"/>
      <c r="BS26" s="109"/>
      <c r="BT26" s="109"/>
      <c r="BU26" s="110"/>
      <c r="BV26" s="336"/>
      <c r="BW26" s="337"/>
      <c r="BX26" s="191"/>
      <c r="BY26" s="393"/>
      <c r="BZ26" s="131" t="s">
        <v>204</v>
      </c>
      <c r="CA26" s="109"/>
      <c r="CB26" s="109"/>
      <c r="CC26" s="109"/>
      <c r="CD26" s="109"/>
      <c r="CE26" s="109"/>
      <c r="CF26" s="109"/>
      <c r="CG26" s="109"/>
      <c r="CH26" s="109"/>
      <c r="CI26" s="109"/>
      <c r="CJ26" s="109"/>
      <c r="CK26" s="109"/>
      <c r="CL26" s="109"/>
      <c r="CM26" s="109"/>
      <c r="CN26" s="110"/>
      <c r="CO26" s="132">
        <v>11484</v>
      </c>
      <c r="CP26" s="133"/>
      <c r="CQ26" s="133"/>
      <c r="CR26" s="133"/>
      <c r="CS26" s="133"/>
      <c r="CT26" s="175">
        <v>38781018</v>
      </c>
      <c r="CU26" s="175"/>
      <c r="CV26" s="175"/>
      <c r="CW26" s="175"/>
      <c r="CX26" s="175"/>
      <c r="CY26" s="175"/>
      <c r="CZ26" s="175">
        <v>3377</v>
      </c>
      <c r="DA26" s="175"/>
      <c r="DB26" s="175"/>
      <c r="DC26" s="175"/>
      <c r="DD26" s="175"/>
      <c r="DE26" s="175"/>
      <c r="DF26" s="175"/>
      <c r="DG26" s="175"/>
      <c r="DH26" s="176"/>
      <c r="DI26" s="5"/>
    </row>
    <row r="27" spans="2:113" ht="13.5" customHeight="1" x14ac:dyDescent="0.15">
      <c r="B27" s="398"/>
      <c r="C27" s="385" t="s">
        <v>203</v>
      </c>
      <c r="D27" s="386"/>
      <c r="E27" s="386"/>
      <c r="F27" s="386"/>
      <c r="G27" s="386"/>
      <c r="H27" s="386"/>
      <c r="I27" s="386"/>
      <c r="J27" s="386"/>
      <c r="K27" s="386"/>
      <c r="L27" s="387"/>
      <c r="M27" s="388">
        <v>87</v>
      </c>
      <c r="N27" s="389"/>
      <c r="O27" s="389"/>
      <c r="P27" s="389"/>
      <c r="Q27" s="389"/>
      <c r="R27" s="389"/>
      <c r="S27" s="389"/>
      <c r="T27" s="389"/>
      <c r="U27" s="390">
        <v>0</v>
      </c>
      <c r="V27" s="390"/>
      <c r="W27" s="390"/>
      <c r="X27" s="390"/>
      <c r="Y27" s="389" t="s">
        <v>15</v>
      </c>
      <c r="Z27" s="389"/>
      <c r="AA27" s="389"/>
      <c r="AB27" s="389"/>
      <c r="AC27" s="389"/>
      <c r="AD27" s="389"/>
      <c r="AE27" s="389"/>
      <c r="AF27" s="389"/>
      <c r="AG27" s="390" t="s">
        <v>15</v>
      </c>
      <c r="AH27" s="390"/>
      <c r="AI27" s="390"/>
      <c r="AJ27" s="391"/>
      <c r="AK27" s="52"/>
      <c r="AL27" s="5"/>
      <c r="AM27" s="109" t="s">
        <v>202</v>
      </c>
      <c r="AN27" s="109"/>
      <c r="AO27" s="109"/>
      <c r="AP27" s="109"/>
      <c r="AQ27" s="109"/>
      <c r="AR27" s="109"/>
      <c r="AS27" s="109"/>
      <c r="AT27" s="109"/>
      <c r="AU27" s="109"/>
      <c r="AV27" s="110"/>
      <c r="AW27" s="132" t="s">
        <v>15</v>
      </c>
      <c r="AX27" s="133"/>
      <c r="AY27" s="133"/>
      <c r="AZ27" s="133"/>
      <c r="BA27" s="133"/>
      <c r="BB27" s="133"/>
      <c r="BC27" s="133"/>
      <c r="BD27" s="133"/>
      <c r="BE27" s="133"/>
      <c r="BF27" s="113" t="s">
        <v>15</v>
      </c>
      <c r="BG27" s="113"/>
      <c r="BH27" s="113"/>
      <c r="BI27" s="113"/>
      <c r="BJ27" s="133" t="s">
        <v>15</v>
      </c>
      <c r="BK27" s="340"/>
      <c r="BL27" s="340"/>
      <c r="BM27" s="340"/>
      <c r="BN27" s="340"/>
      <c r="BO27" s="340"/>
      <c r="BP27" s="341"/>
      <c r="BQ27" s="131"/>
      <c r="BR27" s="109"/>
      <c r="BS27" s="109"/>
      <c r="BT27" s="109"/>
      <c r="BU27" s="110"/>
      <c r="BV27" s="336"/>
      <c r="BW27" s="337"/>
      <c r="BX27" s="191"/>
      <c r="BY27" s="393"/>
      <c r="BZ27" s="131" t="s">
        <v>201</v>
      </c>
      <c r="CA27" s="109"/>
      <c r="CB27" s="109"/>
      <c r="CC27" s="109"/>
      <c r="CD27" s="109"/>
      <c r="CE27" s="109"/>
      <c r="CF27" s="109"/>
      <c r="CG27" s="109"/>
      <c r="CH27" s="109"/>
      <c r="CI27" s="109"/>
      <c r="CJ27" s="109"/>
      <c r="CK27" s="109"/>
      <c r="CL27" s="109"/>
      <c r="CM27" s="109"/>
      <c r="CN27" s="110"/>
      <c r="CO27" s="132" t="s">
        <v>15</v>
      </c>
      <c r="CP27" s="133"/>
      <c r="CQ27" s="133"/>
      <c r="CR27" s="133"/>
      <c r="CS27" s="133"/>
      <c r="CT27" s="175" t="s">
        <v>15</v>
      </c>
      <c r="CU27" s="175"/>
      <c r="CV27" s="175"/>
      <c r="CW27" s="175"/>
      <c r="CX27" s="175"/>
      <c r="CY27" s="175"/>
      <c r="CZ27" s="175" t="s">
        <v>15</v>
      </c>
      <c r="DA27" s="175"/>
      <c r="DB27" s="175"/>
      <c r="DC27" s="175"/>
      <c r="DD27" s="175"/>
      <c r="DE27" s="175"/>
      <c r="DF27" s="175"/>
      <c r="DG27" s="175"/>
      <c r="DH27" s="176"/>
      <c r="DI27" s="5"/>
    </row>
    <row r="28" spans="2:113" ht="13.5" customHeight="1" x14ac:dyDescent="0.15">
      <c r="B28" s="205" t="s">
        <v>200</v>
      </c>
      <c r="C28" s="109"/>
      <c r="D28" s="109"/>
      <c r="E28" s="109"/>
      <c r="F28" s="109"/>
      <c r="G28" s="109"/>
      <c r="H28" s="109"/>
      <c r="I28" s="109"/>
      <c r="J28" s="109"/>
      <c r="K28" s="109"/>
      <c r="L28" s="110"/>
      <c r="M28" s="381">
        <v>875672653</v>
      </c>
      <c r="N28" s="382"/>
      <c r="O28" s="382"/>
      <c r="P28" s="382"/>
      <c r="Q28" s="382"/>
      <c r="R28" s="382"/>
      <c r="S28" s="382"/>
      <c r="T28" s="382"/>
      <c r="U28" s="383">
        <v>49.7</v>
      </c>
      <c r="V28" s="383"/>
      <c r="W28" s="383"/>
      <c r="X28" s="383"/>
      <c r="Y28" s="382">
        <v>816610568</v>
      </c>
      <c r="Z28" s="382"/>
      <c r="AA28" s="382"/>
      <c r="AB28" s="382"/>
      <c r="AC28" s="382"/>
      <c r="AD28" s="382"/>
      <c r="AE28" s="382"/>
      <c r="AF28" s="382"/>
      <c r="AG28" s="383">
        <v>98</v>
      </c>
      <c r="AH28" s="383"/>
      <c r="AI28" s="383"/>
      <c r="AJ28" s="384"/>
      <c r="AK28" s="55"/>
      <c r="AL28" s="7"/>
      <c r="AM28" s="280" t="s">
        <v>199</v>
      </c>
      <c r="AN28" s="280"/>
      <c r="AO28" s="280"/>
      <c r="AP28" s="280"/>
      <c r="AQ28" s="280"/>
      <c r="AR28" s="280"/>
      <c r="AS28" s="280"/>
      <c r="AT28" s="280"/>
      <c r="AU28" s="280"/>
      <c r="AV28" s="281"/>
      <c r="AW28" s="132" t="s">
        <v>15</v>
      </c>
      <c r="AX28" s="133"/>
      <c r="AY28" s="133"/>
      <c r="AZ28" s="133"/>
      <c r="BA28" s="133"/>
      <c r="BB28" s="133"/>
      <c r="BC28" s="133"/>
      <c r="BD28" s="133"/>
      <c r="BE28" s="133"/>
      <c r="BF28" s="113" t="s">
        <v>15</v>
      </c>
      <c r="BG28" s="113"/>
      <c r="BH28" s="113"/>
      <c r="BI28" s="113"/>
      <c r="BJ28" s="133" t="s">
        <v>15</v>
      </c>
      <c r="BK28" s="340"/>
      <c r="BL28" s="340"/>
      <c r="BM28" s="340"/>
      <c r="BN28" s="340"/>
      <c r="BO28" s="340"/>
      <c r="BP28" s="341"/>
      <c r="BQ28" s="131"/>
      <c r="BR28" s="109"/>
      <c r="BS28" s="109"/>
      <c r="BT28" s="109"/>
      <c r="BU28" s="110"/>
      <c r="BV28" s="336"/>
      <c r="BW28" s="337"/>
      <c r="BX28" s="394"/>
      <c r="BY28" s="395"/>
      <c r="BZ28" s="196" t="s">
        <v>55</v>
      </c>
      <c r="CA28" s="197"/>
      <c r="CB28" s="197"/>
      <c r="CC28" s="197"/>
      <c r="CD28" s="197"/>
      <c r="CE28" s="197"/>
      <c r="CF28" s="197"/>
      <c r="CG28" s="197"/>
      <c r="CH28" s="197"/>
      <c r="CI28" s="197"/>
      <c r="CJ28" s="197"/>
      <c r="CK28" s="197"/>
      <c r="CL28" s="197"/>
      <c r="CM28" s="197"/>
      <c r="CN28" s="198"/>
      <c r="CO28" s="132">
        <v>31984</v>
      </c>
      <c r="CP28" s="133"/>
      <c r="CQ28" s="133"/>
      <c r="CR28" s="133"/>
      <c r="CS28" s="133"/>
      <c r="CT28" s="175">
        <v>100814018</v>
      </c>
      <c r="CU28" s="175"/>
      <c r="CV28" s="175"/>
      <c r="CW28" s="175"/>
      <c r="CX28" s="175"/>
      <c r="CY28" s="175"/>
      <c r="CZ28" s="175">
        <v>3152</v>
      </c>
      <c r="DA28" s="175"/>
      <c r="DB28" s="175"/>
      <c r="DC28" s="175"/>
      <c r="DD28" s="175"/>
      <c r="DE28" s="175"/>
      <c r="DF28" s="175"/>
      <c r="DG28" s="175"/>
      <c r="DH28" s="176"/>
      <c r="DI28" s="5"/>
    </row>
    <row r="29" spans="2:113" ht="13.5" customHeight="1" x14ac:dyDescent="0.15">
      <c r="B29" s="344" t="s">
        <v>198</v>
      </c>
      <c r="C29" s="280"/>
      <c r="D29" s="280"/>
      <c r="E29" s="280"/>
      <c r="F29" s="280"/>
      <c r="G29" s="280"/>
      <c r="H29" s="280"/>
      <c r="I29" s="280"/>
      <c r="J29" s="280"/>
      <c r="K29" s="280"/>
      <c r="L29" s="281"/>
      <c r="M29" s="132">
        <v>767055</v>
      </c>
      <c r="N29" s="133"/>
      <c r="O29" s="133"/>
      <c r="P29" s="133"/>
      <c r="Q29" s="133"/>
      <c r="R29" s="133"/>
      <c r="S29" s="133"/>
      <c r="T29" s="133"/>
      <c r="U29" s="113">
        <v>0</v>
      </c>
      <c r="V29" s="113"/>
      <c r="W29" s="113"/>
      <c r="X29" s="113"/>
      <c r="Y29" s="133">
        <v>767055</v>
      </c>
      <c r="Z29" s="133"/>
      <c r="AA29" s="133"/>
      <c r="AB29" s="133"/>
      <c r="AC29" s="133"/>
      <c r="AD29" s="133"/>
      <c r="AE29" s="133"/>
      <c r="AF29" s="133"/>
      <c r="AG29" s="113">
        <v>0.1</v>
      </c>
      <c r="AH29" s="113"/>
      <c r="AI29" s="113"/>
      <c r="AJ29" s="222"/>
      <c r="AK29" s="55"/>
      <c r="AL29" s="109" t="s">
        <v>197</v>
      </c>
      <c r="AM29" s="109"/>
      <c r="AN29" s="109"/>
      <c r="AO29" s="109"/>
      <c r="AP29" s="109"/>
      <c r="AQ29" s="109"/>
      <c r="AR29" s="109"/>
      <c r="AS29" s="109"/>
      <c r="AT29" s="109"/>
      <c r="AU29" s="109"/>
      <c r="AV29" s="110"/>
      <c r="AW29" s="132" t="s">
        <v>15</v>
      </c>
      <c r="AX29" s="133"/>
      <c r="AY29" s="133"/>
      <c r="AZ29" s="133"/>
      <c r="BA29" s="133"/>
      <c r="BB29" s="133"/>
      <c r="BC29" s="133"/>
      <c r="BD29" s="133"/>
      <c r="BE29" s="133"/>
      <c r="BF29" s="113" t="s">
        <v>15</v>
      </c>
      <c r="BG29" s="113"/>
      <c r="BH29" s="113"/>
      <c r="BI29" s="113"/>
      <c r="BJ29" s="133" t="s">
        <v>15</v>
      </c>
      <c r="BK29" s="340"/>
      <c r="BL29" s="340"/>
      <c r="BM29" s="340"/>
      <c r="BN29" s="340"/>
      <c r="BO29" s="340"/>
      <c r="BP29" s="341"/>
      <c r="BQ29" s="372"/>
      <c r="BR29" s="373"/>
      <c r="BS29" s="373"/>
      <c r="BT29" s="373"/>
      <c r="BU29" s="374"/>
      <c r="BV29" s="375"/>
      <c r="BW29" s="328"/>
      <c r="BX29" s="376" t="s">
        <v>196</v>
      </c>
      <c r="BY29" s="377"/>
      <c r="BZ29" s="377"/>
      <c r="CA29" s="377"/>
      <c r="CB29" s="377"/>
      <c r="CC29" s="377"/>
      <c r="CD29" s="377"/>
      <c r="CE29" s="377"/>
      <c r="CF29" s="377"/>
      <c r="CG29" s="377"/>
      <c r="CH29" s="377"/>
      <c r="CI29" s="377"/>
      <c r="CJ29" s="377"/>
      <c r="CK29" s="377"/>
      <c r="CL29" s="377"/>
      <c r="CM29" s="377"/>
      <c r="CN29" s="378"/>
      <c r="CO29" s="379">
        <v>96.5</v>
      </c>
      <c r="CP29" s="294"/>
      <c r="CQ29" s="294"/>
      <c r="CR29" s="294"/>
      <c r="CS29" s="294"/>
      <c r="CT29" s="294"/>
      <c r="CU29" s="294"/>
      <c r="CV29" s="294"/>
      <c r="CW29" s="294"/>
      <c r="CX29" s="294"/>
      <c r="CY29" s="294"/>
      <c r="CZ29" s="294"/>
      <c r="DA29" s="294"/>
      <c r="DB29" s="294"/>
      <c r="DC29" s="294"/>
      <c r="DD29" s="294"/>
      <c r="DE29" s="294"/>
      <c r="DF29" s="294"/>
      <c r="DG29" s="294"/>
      <c r="DH29" s="380"/>
      <c r="DI29" s="5"/>
    </row>
    <row r="30" spans="2:113" ht="13.5" customHeight="1" x14ac:dyDescent="0.15">
      <c r="B30" s="205" t="s">
        <v>195</v>
      </c>
      <c r="C30" s="109"/>
      <c r="D30" s="109"/>
      <c r="E30" s="109"/>
      <c r="F30" s="109"/>
      <c r="G30" s="109"/>
      <c r="H30" s="109"/>
      <c r="I30" s="109"/>
      <c r="J30" s="109"/>
      <c r="K30" s="109"/>
      <c r="L30" s="110"/>
      <c r="M30" s="132">
        <v>8152903</v>
      </c>
      <c r="N30" s="133"/>
      <c r="O30" s="133"/>
      <c r="P30" s="133"/>
      <c r="Q30" s="133"/>
      <c r="R30" s="133"/>
      <c r="S30" s="133"/>
      <c r="T30" s="133"/>
      <c r="U30" s="113">
        <v>0.5</v>
      </c>
      <c r="V30" s="113"/>
      <c r="W30" s="113"/>
      <c r="X30" s="113"/>
      <c r="Y30" s="133" t="s">
        <v>15</v>
      </c>
      <c r="Z30" s="133"/>
      <c r="AA30" s="133"/>
      <c r="AB30" s="133"/>
      <c r="AC30" s="133"/>
      <c r="AD30" s="133"/>
      <c r="AE30" s="133"/>
      <c r="AF30" s="133"/>
      <c r="AG30" s="113" t="s">
        <v>15</v>
      </c>
      <c r="AH30" s="113"/>
      <c r="AI30" s="113"/>
      <c r="AJ30" s="222"/>
      <c r="AK30" s="131" t="s">
        <v>194</v>
      </c>
      <c r="AL30" s="109"/>
      <c r="AM30" s="109"/>
      <c r="AN30" s="109"/>
      <c r="AO30" s="109"/>
      <c r="AP30" s="109"/>
      <c r="AQ30" s="109"/>
      <c r="AR30" s="109"/>
      <c r="AS30" s="109"/>
      <c r="AT30" s="109"/>
      <c r="AU30" s="109"/>
      <c r="AV30" s="110"/>
      <c r="AW30" s="132">
        <v>85606802</v>
      </c>
      <c r="AX30" s="133"/>
      <c r="AY30" s="133"/>
      <c r="AZ30" s="133"/>
      <c r="BA30" s="133"/>
      <c r="BB30" s="133"/>
      <c r="BC30" s="133"/>
      <c r="BD30" s="133"/>
      <c r="BE30" s="133"/>
      <c r="BF30" s="113">
        <v>11.6</v>
      </c>
      <c r="BG30" s="113"/>
      <c r="BH30" s="113"/>
      <c r="BI30" s="113"/>
      <c r="BJ30" s="133" t="s">
        <v>15</v>
      </c>
      <c r="BK30" s="340"/>
      <c r="BL30" s="340"/>
      <c r="BM30" s="340"/>
      <c r="BN30" s="340"/>
      <c r="BO30" s="340"/>
      <c r="BP30" s="341"/>
      <c r="BQ30" s="159" t="s">
        <v>193</v>
      </c>
      <c r="BR30" s="126"/>
      <c r="BS30" s="126"/>
      <c r="BT30" s="126"/>
      <c r="BU30" s="126"/>
      <c r="BV30" s="126"/>
      <c r="BW30" s="126"/>
      <c r="BX30" s="126"/>
      <c r="BY30" s="126"/>
      <c r="BZ30" s="126"/>
      <c r="CA30" s="126"/>
      <c r="CB30" s="126"/>
      <c r="CC30" s="126"/>
      <c r="CD30" s="127"/>
      <c r="CE30" s="307"/>
      <c r="CF30" s="126" t="s">
        <v>192</v>
      </c>
      <c r="CG30" s="126"/>
      <c r="CH30" s="126"/>
      <c r="CI30" s="126"/>
      <c r="CJ30" s="126"/>
      <c r="CK30" s="126"/>
      <c r="CL30" s="126"/>
      <c r="CM30" s="126"/>
      <c r="CN30" s="367"/>
      <c r="CO30" s="301" t="s">
        <v>191</v>
      </c>
      <c r="CP30" s="300"/>
      <c r="CQ30" s="300"/>
      <c r="CR30" s="300"/>
      <c r="CS30" s="302"/>
      <c r="CT30" s="370" t="s">
        <v>190</v>
      </c>
      <c r="CU30" s="365"/>
      <c r="CV30" s="365"/>
      <c r="CW30" s="365"/>
      <c r="CX30" s="365"/>
      <c r="CY30" s="366"/>
      <c r="CZ30" s="230" t="s">
        <v>189</v>
      </c>
      <c r="DA30" s="231"/>
      <c r="DB30" s="231"/>
      <c r="DC30" s="231"/>
      <c r="DD30" s="231"/>
      <c r="DE30" s="231"/>
      <c r="DF30" s="231"/>
      <c r="DG30" s="231"/>
      <c r="DH30" s="358"/>
    </row>
    <row r="31" spans="2:113" ht="13.5" customHeight="1" x14ac:dyDescent="0.15">
      <c r="B31" s="205" t="s">
        <v>188</v>
      </c>
      <c r="C31" s="109"/>
      <c r="D31" s="109"/>
      <c r="E31" s="109"/>
      <c r="F31" s="109"/>
      <c r="G31" s="109"/>
      <c r="H31" s="109"/>
      <c r="I31" s="109"/>
      <c r="J31" s="109"/>
      <c r="K31" s="109"/>
      <c r="L31" s="110"/>
      <c r="M31" s="132">
        <v>61475183</v>
      </c>
      <c r="N31" s="133"/>
      <c r="O31" s="133"/>
      <c r="P31" s="133"/>
      <c r="Q31" s="133"/>
      <c r="R31" s="133"/>
      <c r="S31" s="133"/>
      <c r="T31" s="133"/>
      <c r="U31" s="113">
        <v>3.5</v>
      </c>
      <c r="V31" s="113"/>
      <c r="W31" s="113"/>
      <c r="X31" s="113"/>
      <c r="Y31" s="133">
        <v>11271699</v>
      </c>
      <c r="Z31" s="133"/>
      <c r="AA31" s="133"/>
      <c r="AB31" s="133"/>
      <c r="AC31" s="133"/>
      <c r="AD31" s="133"/>
      <c r="AE31" s="133"/>
      <c r="AF31" s="133"/>
      <c r="AG31" s="113">
        <v>1.4</v>
      </c>
      <c r="AH31" s="113"/>
      <c r="AI31" s="113"/>
      <c r="AJ31" s="222"/>
      <c r="AK31" s="55"/>
      <c r="AL31" s="139" t="s">
        <v>187</v>
      </c>
      <c r="AM31" s="139"/>
      <c r="AN31" s="139"/>
      <c r="AO31" s="139"/>
      <c r="AP31" s="139"/>
      <c r="AQ31" s="139"/>
      <c r="AR31" s="139"/>
      <c r="AS31" s="139"/>
      <c r="AT31" s="139"/>
      <c r="AU31" s="139"/>
      <c r="AV31" s="140"/>
      <c r="AW31" s="141">
        <v>85606802</v>
      </c>
      <c r="AX31" s="142"/>
      <c r="AY31" s="142"/>
      <c r="AZ31" s="142"/>
      <c r="BA31" s="142"/>
      <c r="BB31" s="142"/>
      <c r="BC31" s="142"/>
      <c r="BD31" s="142"/>
      <c r="BE31" s="142"/>
      <c r="BF31" s="143">
        <v>11.6</v>
      </c>
      <c r="BG31" s="143"/>
      <c r="BH31" s="143"/>
      <c r="BI31" s="143"/>
      <c r="BJ31" s="142" t="s">
        <v>15</v>
      </c>
      <c r="BK31" s="347"/>
      <c r="BL31" s="347"/>
      <c r="BM31" s="347"/>
      <c r="BN31" s="347"/>
      <c r="BO31" s="347"/>
      <c r="BP31" s="348"/>
      <c r="BQ31" s="196"/>
      <c r="BR31" s="197"/>
      <c r="BS31" s="197"/>
      <c r="BT31" s="197"/>
      <c r="BU31" s="197"/>
      <c r="BV31" s="197"/>
      <c r="BW31" s="197"/>
      <c r="BX31" s="197"/>
      <c r="BY31" s="197"/>
      <c r="BZ31" s="197"/>
      <c r="CA31" s="197"/>
      <c r="CB31" s="197"/>
      <c r="CC31" s="197"/>
      <c r="CD31" s="198"/>
      <c r="CE31" s="329"/>
      <c r="CF31" s="197"/>
      <c r="CG31" s="197"/>
      <c r="CH31" s="197"/>
      <c r="CI31" s="197"/>
      <c r="CJ31" s="197"/>
      <c r="CK31" s="197"/>
      <c r="CL31" s="197"/>
      <c r="CM31" s="197"/>
      <c r="CN31" s="330"/>
      <c r="CO31" s="368"/>
      <c r="CP31" s="321"/>
      <c r="CQ31" s="321"/>
      <c r="CR31" s="321"/>
      <c r="CS31" s="369"/>
      <c r="CT31" s="371"/>
      <c r="CU31" s="290"/>
      <c r="CV31" s="290"/>
      <c r="CW31" s="290"/>
      <c r="CX31" s="290"/>
      <c r="CY31" s="291"/>
      <c r="CZ31" s="236"/>
      <c r="DA31" s="237"/>
      <c r="DB31" s="237"/>
      <c r="DC31" s="237"/>
      <c r="DD31" s="237"/>
      <c r="DE31" s="237"/>
      <c r="DF31" s="237"/>
      <c r="DG31" s="237"/>
      <c r="DH31" s="359"/>
      <c r="DI31" s="5"/>
    </row>
    <row r="32" spans="2:113" ht="13.5" customHeight="1" x14ac:dyDescent="0.15">
      <c r="B32" s="205" t="s">
        <v>186</v>
      </c>
      <c r="C32" s="109"/>
      <c r="D32" s="109"/>
      <c r="E32" s="109"/>
      <c r="F32" s="109"/>
      <c r="G32" s="109"/>
      <c r="H32" s="109"/>
      <c r="I32" s="109"/>
      <c r="J32" s="109"/>
      <c r="K32" s="109"/>
      <c r="L32" s="110"/>
      <c r="M32" s="132">
        <v>7996167</v>
      </c>
      <c r="N32" s="133"/>
      <c r="O32" s="133"/>
      <c r="P32" s="133"/>
      <c r="Q32" s="133"/>
      <c r="R32" s="133"/>
      <c r="S32" s="133"/>
      <c r="T32" s="133"/>
      <c r="U32" s="113">
        <v>0.5</v>
      </c>
      <c r="V32" s="113"/>
      <c r="W32" s="113"/>
      <c r="X32" s="113"/>
      <c r="Y32" s="133" t="s">
        <v>15</v>
      </c>
      <c r="Z32" s="133"/>
      <c r="AA32" s="133"/>
      <c r="AB32" s="133"/>
      <c r="AC32" s="133"/>
      <c r="AD32" s="133"/>
      <c r="AE32" s="133"/>
      <c r="AF32" s="133"/>
      <c r="AG32" s="113" t="s">
        <v>15</v>
      </c>
      <c r="AH32" s="113"/>
      <c r="AI32" s="113"/>
      <c r="AJ32" s="222"/>
      <c r="AK32" s="360" t="s">
        <v>185</v>
      </c>
      <c r="AL32" s="56"/>
      <c r="AM32" s="201" t="s">
        <v>184</v>
      </c>
      <c r="AN32" s="201"/>
      <c r="AO32" s="201"/>
      <c r="AP32" s="201"/>
      <c r="AQ32" s="201"/>
      <c r="AR32" s="201"/>
      <c r="AS32" s="201"/>
      <c r="AT32" s="201"/>
      <c r="AU32" s="201"/>
      <c r="AV32" s="202"/>
      <c r="AW32" s="203">
        <v>83936</v>
      </c>
      <c r="AX32" s="157"/>
      <c r="AY32" s="157"/>
      <c r="AZ32" s="157"/>
      <c r="BA32" s="157"/>
      <c r="BB32" s="157"/>
      <c r="BC32" s="157"/>
      <c r="BD32" s="157"/>
      <c r="BE32" s="157"/>
      <c r="BF32" s="204">
        <v>0</v>
      </c>
      <c r="BG32" s="204"/>
      <c r="BH32" s="204"/>
      <c r="BI32" s="204"/>
      <c r="BJ32" s="157" t="s">
        <v>72</v>
      </c>
      <c r="BK32" s="342"/>
      <c r="BL32" s="342"/>
      <c r="BM32" s="342"/>
      <c r="BN32" s="342"/>
      <c r="BO32" s="342"/>
      <c r="BP32" s="343"/>
      <c r="BQ32" s="364" t="s">
        <v>183</v>
      </c>
      <c r="BR32" s="365"/>
      <c r="BS32" s="365"/>
      <c r="BT32" s="365"/>
      <c r="BU32" s="366"/>
      <c r="BV32" s="353" t="s">
        <v>151</v>
      </c>
      <c r="BW32" s="354"/>
      <c r="BX32" s="159" t="s">
        <v>182</v>
      </c>
      <c r="BY32" s="126"/>
      <c r="BZ32" s="126"/>
      <c r="CA32" s="126"/>
      <c r="CB32" s="127"/>
      <c r="CC32" s="353" t="s">
        <v>145</v>
      </c>
      <c r="CD32" s="354"/>
      <c r="CE32" s="159" t="s">
        <v>181</v>
      </c>
      <c r="CF32" s="126"/>
      <c r="CG32" s="126"/>
      <c r="CH32" s="126"/>
      <c r="CI32" s="126"/>
      <c r="CJ32" s="126"/>
      <c r="CK32" s="126"/>
      <c r="CL32" s="126"/>
      <c r="CM32" s="126"/>
      <c r="CN32" s="127"/>
      <c r="CO32" s="355">
        <v>1</v>
      </c>
      <c r="CP32" s="162"/>
      <c r="CQ32" s="162"/>
      <c r="CR32" s="162"/>
      <c r="CS32" s="162"/>
      <c r="CT32" s="356" t="s">
        <v>180</v>
      </c>
      <c r="CU32" s="356"/>
      <c r="CV32" s="356"/>
      <c r="CW32" s="356"/>
      <c r="CX32" s="356"/>
      <c r="CY32" s="356"/>
      <c r="CZ32" s="188">
        <v>16690</v>
      </c>
      <c r="DA32" s="293"/>
      <c r="DB32" s="293"/>
      <c r="DC32" s="293"/>
      <c r="DD32" s="293"/>
      <c r="DE32" s="293"/>
      <c r="DF32" s="293"/>
      <c r="DG32" s="293"/>
      <c r="DH32" s="316"/>
      <c r="DI32" s="5"/>
    </row>
    <row r="33" spans="2:113" ht="13.5" customHeight="1" x14ac:dyDescent="0.15">
      <c r="B33" s="363" t="s">
        <v>179</v>
      </c>
      <c r="C33" s="257"/>
      <c r="D33" s="257"/>
      <c r="E33" s="257"/>
      <c r="F33" s="257"/>
      <c r="G33" s="257"/>
      <c r="H33" s="257"/>
      <c r="I33" s="257"/>
      <c r="J33" s="257"/>
      <c r="K33" s="257"/>
      <c r="L33" s="258"/>
      <c r="M33" s="132">
        <v>396685019</v>
      </c>
      <c r="N33" s="133"/>
      <c r="O33" s="133"/>
      <c r="P33" s="133"/>
      <c r="Q33" s="133"/>
      <c r="R33" s="133"/>
      <c r="S33" s="133"/>
      <c r="T33" s="133"/>
      <c r="U33" s="113">
        <v>22.5</v>
      </c>
      <c r="V33" s="113"/>
      <c r="W33" s="113"/>
      <c r="X33" s="113"/>
      <c r="Y33" s="133" t="s">
        <v>72</v>
      </c>
      <c r="Z33" s="133"/>
      <c r="AA33" s="133"/>
      <c r="AB33" s="133"/>
      <c r="AC33" s="133"/>
      <c r="AD33" s="133"/>
      <c r="AE33" s="133"/>
      <c r="AF33" s="133"/>
      <c r="AG33" s="113" t="s">
        <v>72</v>
      </c>
      <c r="AH33" s="113"/>
      <c r="AI33" s="113"/>
      <c r="AJ33" s="222"/>
      <c r="AK33" s="361"/>
      <c r="AL33" s="55"/>
      <c r="AM33" s="257" t="s">
        <v>178</v>
      </c>
      <c r="AN33" s="257"/>
      <c r="AO33" s="257"/>
      <c r="AP33" s="257"/>
      <c r="AQ33" s="257"/>
      <c r="AR33" s="257"/>
      <c r="AS33" s="257"/>
      <c r="AT33" s="257"/>
      <c r="AU33" s="257"/>
      <c r="AV33" s="258"/>
      <c r="AW33" s="132">
        <v>27808417</v>
      </c>
      <c r="AX33" s="133"/>
      <c r="AY33" s="133"/>
      <c r="AZ33" s="133"/>
      <c r="BA33" s="133"/>
      <c r="BB33" s="133"/>
      <c r="BC33" s="133"/>
      <c r="BD33" s="133"/>
      <c r="BE33" s="133"/>
      <c r="BF33" s="113">
        <v>3.8</v>
      </c>
      <c r="BG33" s="113"/>
      <c r="BH33" s="113"/>
      <c r="BI33" s="113"/>
      <c r="BJ33" s="133" t="s">
        <v>72</v>
      </c>
      <c r="BK33" s="340"/>
      <c r="BL33" s="340"/>
      <c r="BM33" s="340"/>
      <c r="BN33" s="340"/>
      <c r="BO33" s="340"/>
      <c r="BP33" s="341"/>
      <c r="BQ33" s="357" t="s">
        <v>177</v>
      </c>
      <c r="BR33" s="239"/>
      <c r="BS33" s="239"/>
      <c r="BT33" s="239"/>
      <c r="BU33" s="240"/>
      <c r="BV33" s="336" t="s">
        <v>145</v>
      </c>
      <c r="BW33" s="337"/>
      <c r="BX33" s="131" t="s">
        <v>176</v>
      </c>
      <c r="BY33" s="109"/>
      <c r="BZ33" s="109"/>
      <c r="CA33" s="109"/>
      <c r="CB33" s="110"/>
      <c r="CC33" s="336" t="s">
        <v>143</v>
      </c>
      <c r="CD33" s="337"/>
      <c r="CE33" s="131" t="s">
        <v>175</v>
      </c>
      <c r="CF33" s="109"/>
      <c r="CG33" s="109"/>
      <c r="CH33" s="109"/>
      <c r="CI33" s="109"/>
      <c r="CJ33" s="109"/>
      <c r="CK33" s="109"/>
      <c r="CL33" s="109"/>
      <c r="CM33" s="109"/>
      <c r="CN33" s="110"/>
      <c r="CO33" s="338">
        <v>3</v>
      </c>
      <c r="CP33" s="175"/>
      <c r="CQ33" s="175"/>
      <c r="CR33" s="175"/>
      <c r="CS33" s="175"/>
      <c r="CT33" s="339" t="s">
        <v>174</v>
      </c>
      <c r="CU33" s="339"/>
      <c r="CV33" s="339"/>
      <c r="CW33" s="339"/>
      <c r="CX33" s="339"/>
      <c r="CY33" s="339"/>
      <c r="CZ33" s="133">
        <v>9426</v>
      </c>
      <c r="DA33" s="175"/>
      <c r="DB33" s="175"/>
      <c r="DC33" s="175"/>
      <c r="DD33" s="175"/>
      <c r="DE33" s="175"/>
      <c r="DF33" s="175"/>
      <c r="DG33" s="175"/>
      <c r="DH33" s="176"/>
      <c r="DI33" s="5"/>
    </row>
    <row r="34" spans="2:113" ht="13.5" customHeight="1" x14ac:dyDescent="0.15">
      <c r="B34" s="350" t="s">
        <v>173</v>
      </c>
      <c r="C34" s="351"/>
      <c r="D34" s="351"/>
      <c r="E34" s="351"/>
      <c r="F34" s="351"/>
      <c r="G34" s="351"/>
      <c r="H34" s="351"/>
      <c r="I34" s="351"/>
      <c r="J34" s="351"/>
      <c r="K34" s="351"/>
      <c r="L34" s="352"/>
      <c r="M34" s="132" t="s">
        <v>72</v>
      </c>
      <c r="N34" s="133"/>
      <c r="O34" s="133"/>
      <c r="P34" s="133"/>
      <c r="Q34" s="133"/>
      <c r="R34" s="133"/>
      <c r="S34" s="133"/>
      <c r="T34" s="133"/>
      <c r="U34" s="113" t="s">
        <v>72</v>
      </c>
      <c r="V34" s="113"/>
      <c r="W34" s="113"/>
      <c r="X34" s="113"/>
      <c r="Y34" s="133" t="s">
        <v>135</v>
      </c>
      <c r="Z34" s="133"/>
      <c r="AA34" s="133"/>
      <c r="AB34" s="133"/>
      <c r="AC34" s="133"/>
      <c r="AD34" s="133"/>
      <c r="AE34" s="133"/>
      <c r="AF34" s="133"/>
      <c r="AG34" s="113" t="s">
        <v>72</v>
      </c>
      <c r="AH34" s="113"/>
      <c r="AI34" s="113"/>
      <c r="AJ34" s="320"/>
      <c r="AK34" s="361"/>
      <c r="AL34" s="55"/>
      <c r="AM34" s="109" t="s">
        <v>172</v>
      </c>
      <c r="AN34" s="109"/>
      <c r="AO34" s="109"/>
      <c r="AP34" s="109"/>
      <c r="AQ34" s="109"/>
      <c r="AR34" s="109"/>
      <c r="AS34" s="109"/>
      <c r="AT34" s="109"/>
      <c r="AU34" s="109"/>
      <c r="AV34" s="110"/>
      <c r="AW34" s="132">
        <v>57714449</v>
      </c>
      <c r="AX34" s="133"/>
      <c r="AY34" s="133"/>
      <c r="AZ34" s="133"/>
      <c r="BA34" s="133"/>
      <c r="BB34" s="133"/>
      <c r="BC34" s="133"/>
      <c r="BD34" s="133"/>
      <c r="BE34" s="133"/>
      <c r="BF34" s="113">
        <v>7.8</v>
      </c>
      <c r="BG34" s="113"/>
      <c r="BH34" s="113"/>
      <c r="BI34" s="113"/>
      <c r="BJ34" s="133" t="s">
        <v>135</v>
      </c>
      <c r="BK34" s="340"/>
      <c r="BL34" s="340"/>
      <c r="BM34" s="340"/>
      <c r="BN34" s="340"/>
      <c r="BO34" s="340"/>
      <c r="BP34" s="341"/>
      <c r="BQ34" s="131" t="s">
        <v>171</v>
      </c>
      <c r="BR34" s="109"/>
      <c r="BS34" s="109"/>
      <c r="BT34" s="109"/>
      <c r="BU34" s="110"/>
      <c r="BV34" s="336" t="s">
        <v>151</v>
      </c>
      <c r="BW34" s="337"/>
      <c r="BX34" s="131" t="s">
        <v>170</v>
      </c>
      <c r="BY34" s="109"/>
      <c r="BZ34" s="109"/>
      <c r="CA34" s="109"/>
      <c r="CB34" s="110"/>
      <c r="CC34" s="336" t="s">
        <v>151</v>
      </c>
      <c r="CD34" s="337"/>
      <c r="CE34" s="131" t="s">
        <v>169</v>
      </c>
      <c r="CF34" s="109"/>
      <c r="CG34" s="109"/>
      <c r="CH34" s="109"/>
      <c r="CI34" s="109"/>
      <c r="CJ34" s="109"/>
      <c r="CK34" s="109"/>
      <c r="CL34" s="109"/>
      <c r="CM34" s="109"/>
      <c r="CN34" s="110"/>
      <c r="CO34" s="338">
        <v>1</v>
      </c>
      <c r="CP34" s="175"/>
      <c r="CQ34" s="175"/>
      <c r="CR34" s="175"/>
      <c r="CS34" s="175"/>
      <c r="CT34" s="339" t="s">
        <v>168</v>
      </c>
      <c r="CU34" s="339"/>
      <c r="CV34" s="339"/>
      <c r="CW34" s="339"/>
      <c r="CX34" s="339"/>
      <c r="CY34" s="339"/>
      <c r="CZ34" s="133">
        <v>8163</v>
      </c>
      <c r="DA34" s="175"/>
      <c r="DB34" s="175"/>
      <c r="DC34" s="175"/>
      <c r="DD34" s="175"/>
      <c r="DE34" s="175"/>
      <c r="DF34" s="175"/>
      <c r="DG34" s="175"/>
      <c r="DH34" s="176"/>
      <c r="DI34" s="5"/>
    </row>
    <row r="35" spans="2:113" ht="13.5" customHeight="1" x14ac:dyDescent="0.15">
      <c r="B35" s="344" t="s">
        <v>167</v>
      </c>
      <c r="C35" s="280"/>
      <c r="D35" s="280"/>
      <c r="E35" s="280"/>
      <c r="F35" s="280"/>
      <c r="G35" s="280"/>
      <c r="H35" s="280"/>
      <c r="I35" s="280"/>
      <c r="J35" s="280"/>
      <c r="K35" s="280"/>
      <c r="L35" s="281"/>
      <c r="M35" s="132"/>
      <c r="N35" s="133"/>
      <c r="O35" s="133"/>
      <c r="P35" s="133"/>
      <c r="Q35" s="133"/>
      <c r="R35" s="133"/>
      <c r="S35" s="133"/>
      <c r="T35" s="133"/>
      <c r="U35" s="113"/>
      <c r="V35" s="113"/>
      <c r="W35" s="113"/>
      <c r="X35" s="113"/>
      <c r="Y35" s="133"/>
      <c r="Z35" s="133"/>
      <c r="AA35" s="133"/>
      <c r="AB35" s="133"/>
      <c r="AC35" s="133"/>
      <c r="AD35" s="133"/>
      <c r="AE35" s="133"/>
      <c r="AF35" s="133"/>
      <c r="AG35" s="113"/>
      <c r="AH35" s="113"/>
      <c r="AI35" s="113"/>
      <c r="AJ35" s="320"/>
      <c r="AK35" s="362"/>
      <c r="AL35" s="54"/>
      <c r="AM35" s="345" t="s">
        <v>166</v>
      </c>
      <c r="AN35" s="345"/>
      <c r="AO35" s="345"/>
      <c r="AP35" s="345"/>
      <c r="AQ35" s="345"/>
      <c r="AR35" s="345"/>
      <c r="AS35" s="345"/>
      <c r="AT35" s="345"/>
      <c r="AU35" s="345"/>
      <c r="AV35" s="346"/>
      <c r="AW35" s="141" t="s">
        <v>72</v>
      </c>
      <c r="AX35" s="142"/>
      <c r="AY35" s="142"/>
      <c r="AZ35" s="142"/>
      <c r="BA35" s="142"/>
      <c r="BB35" s="142"/>
      <c r="BC35" s="142"/>
      <c r="BD35" s="142"/>
      <c r="BE35" s="142"/>
      <c r="BF35" s="143" t="s">
        <v>135</v>
      </c>
      <c r="BG35" s="143"/>
      <c r="BH35" s="143"/>
      <c r="BI35" s="143"/>
      <c r="BJ35" s="142" t="s">
        <v>135</v>
      </c>
      <c r="BK35" s="347"/>
      <c r="BL35" s="347"/>
      <c r="BM35" s="347"/>
      <c r="BN35" s="347"/>
      <c r="BO35" s="347"/>
      <c r="BP35" s="348"/>
      <c r="BQ35" s="349" t="s">
        <v>165</v>
      </c>
      <c r="BR35" s="280"/>
      <c r="BS35" s="280"/>
      <c r="BT35" s="280"/>
      <c r="BU35" s="281"/>
      <c r="BV35" s="336" t="s">
        <v>151</v>
      </c>
      <c r="BW35" s="337"/>
      <c r="BX35" s="131" t="s">
        <v>164</v>
      </c>
      <c r="BY35" s="109"/>
      <c r="BZ35" s="109"/>
      <c r="CA35" s="109"/>
      <c r="CB35" s="110"/>
      <c r="CC35" s="336" t="s">
        <v>158</v>
      </c>
      <c r="CD35" s="337"/>
      <c r="CE35" s="131" t="s">
        <v>163</v>
      </c>
      <c r="CF35" s="109"/>
      <c r="CG35" s="109"/>
      <c r="CH35" s="109"/>
      <c r="CI35" s="109"/>
      <c r="CJ35" s="109"/>
      <c r="CK35" s="109"/>
      <c r="CL35" s="109"/>
      <c r="CM35" s="109"/>
      <c r="CN35" s="110"/>
      <c r="CO35" s="338">
        <v>1</v>
      </c>
      <c r="CP35" s="175"/>
      <c r="CQ35" s="175"/>
      <c r="CR35" s="175"/>
      <c r="CS35" s="175"/>
      <c r="CT35" s="339" t="s">
        <v>149</v>
      </c>
      <c r="CU35" s="339"/>
      <c r="CV35" s="339"/>
      <c r="CW35" s="339"/>
      <c r="CX35" s="339"/>
      <c r="CY35" s="339"/>
      <c r="CZ35" s="133">
        <v>9500</v>
      </c>
      <c r="DA35" s="175"/>
      <c r="DB35" s="175"/>
      <c r="DC35" s="175"/>
      <c r="DD35" s="175"/>
      <c r="DE35" s="175"/>
      <c r="DF35" s="175"/>
      <c r="DG35" s="175"/>
      <c r="DH35" s="176"/>
      <c r="DI35" s="5"/>
    </row>
    <row r="36" spans="2:113" ht="13.5" customHeight="1" x14ac:dyDescent="0.15">
      <c r="B36" s="205" t="s">
        <v>162</v>
      </c>
      <c r="C36" s="109"/>
      <c r="D36" s="109"/>
      <c r="E36" s="109"/>
      <c r="F36" s="109"/>
      <c r="G36" s="109"/>
      <c r="H36" s="109"/>
      <c r="I36" s="109"/>
      <c r="J36" s="109"/>
      <c r="K36" s="109"/>
      <c r="L36" s="110"/>
      <c r="M36" s="132">
        <v>74303693</v>
      </c>
      <c r="N36" s="133"/>
      <c r="O36" s="133"/>
      <c r="P36" s="133"/>
      <c r="Q36" s="133"/>
      <c r="R36" s="133"/>
      <c r="S36" s="133"/>
      <c r="T36" s="133"/>
      <c r="U36" s="113">
        <v>4.2</v>
      </c>
      <c r="V36" s="113"/>
      <c r="W36" s="113"/>
      <c r="X36" s="113"/>
      <c r="Y36" s="133" t="s">
        <v>135</v>
      </c>
      <c r="Z36" s="133"/>
      <c r="AA36" s="133"/>
      <c r="AB36" s="133"/>
      <c r="AC36" s="133"/>
      <c r="AD36" s="133"/>
      <c r="AE36" s="133"/>
      <c r="AF36" s="133"/>
      <c r="AG36" s="113" t="s">
        <v>72</v>
      </c>
      <c r="AH36" s="113"/>
      <c r="AI36" s="113"/>
      <c r="AJ36" s="320"/>
      <c r="AK36" s="53"/>
      <c r="AL36" s="201" t="s">
        <v>161</v>
      </c>
      <c r="AM36" s="201"/>
      <c r="AN36" s="201"/>
      <c r="AO36" s="201"/>
      <c r="AP36" s="201"/>
      <c r="AQ36" s="201"/>
      <c r="AR36" s="201"/>
      <c r="AS36" s="201"/>
      <c r="AT36" s="201"/>
      <c r="AU36" s="201"/>
      <c r="AV36" s="202"/>
      <c r="AW36" s="203" t="s">
        <v>135</v>
      </c>
      <c r="AX36" s="157"/>
      <c r="AY36" s="157"/>
      <c r="AZ36" s="157"/>
      <c r="BA36" s="157"/>
      <c r="BB36" s="157"/>
      <c r="BC36" s="157"/>
      <c r="BD36" s="157"/>
      <c r="BE36" s="157"/>
      <c r="BF36" s="204" t="s">
        <v>137</v>
      </c>
      <c r="BG36" s="204"/>
      <c r="BH36" s="204"/>
      <c r="BI36" s="204"/>
      <c r="BJ36" s="157" t="s">
        <v>72</v>
      </c>
      <c r="BK36" s="342"/>
      <c r="BL36" s="342"/>
      <c r="BM36" s="342"/>
      <c r="BN36" s="342"/>
      <c r="BO36" s="342"/>
      <c r="BP36" s="343"/>
      <c r="BQ36" s="131" t="s">
        <v>160</v>
      </c>
      <c r="BR36" s="109"/>
      <c r="BS36" s="109"/>
      <c r="BT36" s="109"/>
      <c r="BU36" s="110"/>
      <c r="BV36" s="336" t="s">
        <v>145</v>
      </c>
      <c r="BW36" s="337"/>
      <c r="BX36" s="131" t="s">
        <v>159</v>
      </c>
      <c r="BY36" s="109"/>
      <c r="BZ36" s="109"/>
      <c r="CA36" s="109"/>
      <c r="CB36" s="110"/>
      <c r="CC36" s="336" t="s">
        <v>158</v>
      </c>
      <c r="CD36" s="337"/>
      <c r="CE36" s="131" t="s">
        <v>157</v>
      </c>
      <c r="CF36" s="109"/>
      <c r="CG36" s="109"/>
      <c r="CH36" s="109"/>
      <c r="CI36" s="109"/>
      <c r="CJ36" s="109"/>
      <c r="CK36" s="109"/>
      <c r="CL36" s="109"/>
      <c r="CM36" s="109"/>
      <c r="CN36" s="110"/>
      <c r="CO36" s="338">
        <v>1</v>
      </c>
      <c r="CP36" s="175"/>
      <c r="CQ36" s="175"/>
      <c r="CR36" s="175"/>
      <c r="CS36" s="175"/>
      <c r="CT36" s="339" t="s">
        <v>156</v>
      </c>
      <c r="CU36" s="339"/>
      <c r="CV36" s="339"/>
      <c r="CW36" s="339"/>
      <c r="CX36" s="339"/>
      <c r="CY36" s="339"/>
      <c r="CZ36" s="133">
        <v>8440</v>
      </c>
      <c r="DA36" s="175"/>
      <c r="DB36" s="175"/>
      <c r="DC36" s="175"/>
      <c r="DD36" s="175"/>
      <c r="DE36" s="175"/>
      <c r="DF36" s="175"/>
      <c r="DG36" s="175"/>
      <c r="DH36" s="176"/>
      <c r="DI36" s="5"/>
    </row>
    <row r="37" spans="2:113" ht="13.5" customHeight="1" x14ac:dyDescent="0.15">
      <c r="B37" s="205" t="s">
        <v>155</v>
      </c>
      <c r="C37" s="109"/>
      <c r="D37" s="109"/>
      <c r="E37" s="109"/>
      <c r="F37" s="109"/>
      <c r="G37" s="109"/>
      <c r="H37" s="109"/>
      <c r="I37" s="109"/>
      <c r="J37" s="109"/>
      <c r="K37" s="109"/>
      <c r="L37" s="110"/>
      <c r="M37" s="132">
        <v>27268471</v>
      </c>
      <c r="N37" s="133"/>
      <c r="O37" s="133"/>
      <c r="P37" s="133"/>
      <c r="Q37" s="133"/>
      <c r="R37" s="133"/>
      <c r="S37" s="133"/>
      <c r="T37" s="133"/>
      <c r="U37" s="113">
        <v>1.5</v>
      </c>
      <c r="V37" s="113"/>
      <c r="W37" s="113"/>
      <c r="X37" s="113"/>
      <c r="Y37" s="133">
        <v>3918422</v>
      </c>
      <c r="Z37" s="133"/>
      <c r="AA37" s="133"/>
      <c r="AB37" s="133"/>
      <c r="AC37" s="133"/>
      <c r="AD37" s="133"/>
      <c r="AE37" s="133"/>
      <c r="AF37" s="133"/>
      <c r="AG37" s="113">
        <v>0.5</v>
      </c>
      <c r="AH37" s="113"/>
      <c r="AI37" s="113"/>
      <c r="AJ37" s="320"/>
      <c r="AK37" s="131" t="s">
        <v>154</v>
      </c>
      <c r="AL37" s="109"/>
      <c r="AM37" s="109"/>
      <c r="AN37" s="109"/>
      <c r="AO37" s="109"/>
      <c r="AP37" s="109"/>
      <c r="AQ37" s="109"/>
      <c r="AR37" s="109"/>
      <c r="AS37" s="109"/>
      <c r="AT37" s="109"/>
      <c r="AU37" s="109"/>
      <c r="AV37" s="110"/>
      <c r="AW37" s="132" t="s">
        <v>135</v>
      </c>
      <c r="AX37" s="133"/>
      <c r="AY37" s="133"/>
      <c r="AZ37" s="133"/>
      <c r="BA37" s="133"/>
      <c r="BB37" s="133"/>
      <c r="BC37" s="133"/>
      <c r="BD37" s="133"/>
      <c r="BE37" s="133"/>
      <c r="BF37" s="113" t="s">
        <v>135</v>
      </c>
      <c r="BG37" s="113"/>
      <c r="BH37" s="113"/>
      <c r="BI37" s="113"/>
      <c r="BJ37" s="133" t="s">
        <v>137</v>
      </c>
      <c r="BK37" s="340"/>
      <c r="BL37" s="340"/>
      <c r="BM37" s="340"/>
      <c r="BN37" s="340"/>
      <c r="BO37" s="340"/>
      <c r="BP37" s="341"/>
      <c r="BQ37" s="131" t="s">
        <v>153</v>
      </c>
      <c r="BR37" s="109"/>
      <c r="BS37" s="109"/>
      <c r="BT37" s="109"/>
      <c r="BU37" s="110"/>
      <c r="BV37" s="336" t="s">
        <v>151</v>
      </c>
      <c r="BW37" s="337"/>
      <c r="BX37" s="131" t="s">
        <v>152</v>
      </c>
      <c r="BY37" s="109"/>
      <c r="BZ37" s="109"/>
      <c r="CA37" s="109"/>
      <c r="CB37" s="110"/>
      <c r="CC37" s="336" t="s">
        <v>151</v>
      </c>
      <c r="CD37" s="337"/>
      <c r="CE37" s="131" t="s">
        <v>150</v>
      </c>
      <c r="CF37" s="109"/>
      <c r="CG37" s="109"/>
      <c r="CH37" s="109"/>
      <c r="CI37" s="109"/>
      <c r="CJ37" s="109"/>
      <c r="CK37" s="109"/>
      <c r="CL37" s="109"/>
      <c r="CM37" s="109"/>
      <c r="CN37" s="110"/>
      <c r="CO37" s="338">
        <v>84</v>
      </c>
      <c r="CP37" s="175"/>
      <c r="CQ37" s="175"/>
      <c r="CR37" s="175"/>
      <c r="CS37" s="175"/>
      <c r="CT37" s="339" t="s">
        <v>149</v>
      </c>
      <c r="CU37" s="339"/>
      <c r="CV37" s="339"/>
      <c r="CW37" s="339"/>
      <c r="CX37" s="339"/>
      <c r="CY37" s="339"/>
      <c r="CZ37" s="133">
        <v>7740</v>
      </c>
      <c r="DA37" s="175"/>
      <c r="DB37" s="175"/>
      <c r="DC37" s="175"/>
      <c r="DD37" s="175"/>
      <c r="DE37" s="175"/>
      <c r="DF37" s="175"/>
      <c r="DG37" s="175"/>
      <c r="DH37" s="176"/>
      <c r="DI37" s="5"/>
    </row>
    <row r="38" spans="2:113" ht="13.5" customHeight="1" x14ac:dyDescent="0.15">
      <c r="B38" s="205" t="s">
        <v>148</v>
      </c>
      <c r="C38" s="109"/>
      <c r="D38" s="109"/>
      <c r="E38" s="109"/>
      <c r="F38" s="109"/>
      <c r="G38" s="109"/>
      <c r="H38" s="109"/>
      <c r="I38" s="109"/>
      <c r="J38" s="109"/>
      <c r="K38" s="109"/>
      <c r="L38" s="110"/>
      <c r="M38" s="132">
        <v>791768</v>
      </c>
      <c r="N38" s="133"/>
      <c r="O38" s="133"/>
      <c r="P38" s="133"/>
      <c r="Q38" s="133"/>
      <c r="R38" s="133"/>
      <c r="S38" s="133"/>
      <c r="T38" s="133"/>
      <c r="U38" s="113">
        <v>0</v>
      </c>
      <c r="V38" s="113"/>
      <c r="W38" s="113"/>
      <c r="X38" s="113"/>
      <c r="Y38" s="133" t="s">
        <v>135</v>
      </c>
      <c r="Z38" s="133"/>
      <c r="AA38" s="133"/>
      <c r="AB38" s="133"/>
      <c r="AC38" s="133"/>
      <c r="AD38" s="133"/>
      <c r="AE38" s="133"/>
      <c r="AF38" s="133"/>
      <c r="AG38" s="113" t="s">
        <v>135</v>
      </c>
      <c r="AH38" s="113"/>
      <c r="AI38" s="113"/>
      <c r="AJ38" s="320"/>
      <c r="AK38" s="196" t="s">
        <v>147</v>
      </c>
      <c r="AL38" s="197"/>
      <c r="AM38" s="197"/>
      <c r="AN38" s="197"/>
      <c r="AO38" s="197"/>
      <c r="AP38" s="197"/>
      <c r="AQ38" s="197"/>
      <c r="AR38" s="197"/>
      <c r="AS38" s="197"/>
      <c r="AT38" s="197"/>
      <c r="AU38" s="197"/>
      <c r="AV38" s="198"/>
      <c r="AW38" s="322">
        <v>737441209</v>
      </c>
      <c r="AX38" s="323"/>
      <c r="AY38" s="323"/>
      <c r="AZ38" s="323"/>
      <c r="BA38" s="323"/>
      <c r="BB38" s="323"/>
      <c r="BC38" s="323"/>
      <c r="BD38" s="323"/>
      <c r="BE38" s="323"/>
      <c r="BF38" s="324">
        <v>100</v>
      </c>
      <c r="BG38" s="324"/>
      <c r="BH38" s="324"/>
      <c r="BI38" s="324"/>
      <c r="BJ38" s="323">
        <v>20466207</v>
      </c>
      <c r="BK38" s="325"/>
      <c r="BL38" s="325"/>
      <c r="BM38" s="325"/>
      <c r="BN38" s="325"/>
      <c r="BO38" s="325"/>
      <c r="BP38" s="326"/>
      <c r="BQ38" s="196" t="s">
        <v>146</v>
      </c>
      <c r="BR38" s="197"/>
      <c r="BS38" s="197"/>
      <c r="BT38" s="197"/>
      <c r="BU38" s="198"/>
      <c r="BV38" s="327" t="s">
        <v>145</v>
      </c>
      <c r="BW38" s="328"/>
      <c r="BX38" s="196" t="s">
        <v>144</v>
      </c>
      <c r="BY38" s="197"/>
      <c r="BZ38" s="197"/>
      <c r="CA38" s="197"/>
      <c r="CB38" s="198"/>
      <c r="CC38" s="327" t="s">
        <v>143</v>
      </c>
      <c r="CD38" s="328"/>
      <c r="CE38" s="329"/>
      <c r="CF38" s="330"/>
      <c r="CG38" s="330"/>
      <c r="CH38" s="330"/>
      <c r="CI38" s="330"/>
      <c r="CJ38" s="330"/>
      <c r="CK38" s="330"/>
      <c r="CL38" s="330"/>
      <c r="CM38" s="330"/>
      <c r="CN38" s="331"/>
      <c r="CO38" s="332"/>
      <c r="CP38" s="333"/>
      <c r="CQ38" s="333"/>
      <c r="CR38" s="333"/>
      <c r="CS38" s="333"/>
      <c r="CT38" s="334"/>
      <c r="CU38" s="334"/>
      <c r="CV38" s="334"/>
      <c r="CW38" s="334"/>
      <c r="CX38" s="334"/>
      <c r="CY38" s="334"/>
      <c r="CZ38" s="333"/>
      <c r="DA38" s="333"/>
      <c r="DB38" s="333"/>
      <c r="DC38" s="333"/>
      <c r="DD38" s="333"/>
      <c r="DE38" s="333"/>
      <c r="DF38" s="333"/>
      <c r="DG38" s="333"/>
      <c r="DH38" s="335"/>
      <c r="DI38" s="5"/>
    </row>
    <row r="39" spans="2:113" ht="13.5" customHeight="1" x14ac:dyDescent="0.15">
      <c r="B39" s="205" t="s">
        <v>142</v>
      </c>
      <c r="C39" s="109"/>
      <c r="D39" s="109"/>
      <c r="E39" s="109"/>
      <c r="F39" s="109"/>
      <c r="G39" s="109"/>
      <c r="H39" s="109"/>
      <c r="I39" s="109"/>
      <c r="J39" s="109"/>
      <c r="K39" s="109"/>
      <c r="L39" s="110"/>
      <c r="M39" s="132">
        <v>62542881</v>
      </c>
      <c r="N39" s="133"/>
      <c r="O39" s="133"/>
      <c r="P39" s="133"/>
      <c r="Q39" s="133"/>
      <c r="R39" s="133"/>
      <c r="S39" s="133"/>
      <c r="T39" s="133"/>
      <c r="U39" s="113">
        <v>3.6</v>
      </c>
      <c r="V39" s="113"/>
      <c r="W39" s="113"/>
      <c r="X39" s="113"/>
      <c r="Y39" s="133" t="s">
        <v>135</v>
      </c>
      <c r="Z39" s="133"/>
      <c r="AA39" s="133"/>
      <c r="AB39" s="133"/>
      <c r="AC39" s="133"/>
      <c r="AD39" s="133"/>
      <c r="AE39" s="133"/>
      <c r="AF39" s="133"/>
      <c r="AG39" s="113" t="s">
        <v>72</v>
      </c>
      <c r="AH39" s="113"/>
      <c r="AI39" s="113"/>
      <c r="AJ39" s="320"/>
      <c r="AK39" s="7"/>
      <c r="AL39" s="7"/>
      <c r="AM39" s="7"/>
      <c r="AN39" s="7"/>
      <c r="AO39" s="7"/>
      <c r="AP39" s="7"/>
      <c r="AQ39" s="7"/>
      <c r="AR39" s="7"/>
      <c r="AS39" s="7"/>
      <c r="AT39" s="7"/>
      <c r="AU39" s="7"/>
      <c r="AV39" s="7"/>
      <c r="AW39" s="7"/>
      <c r="AX39" s="7"/>
      <c r="AY39" s="7"/>
      <c r="AZ39" s="7"/>
      <c r="BA39" s="7"/>
      <c r="BB39" s="7"/>
      <c r="BC39" s="7"/>
      <c r="BD39" s="7"/>
      <c r="BE39" s="7"/>
      <c r="BF39" s="7"/>
      <c r="BG39" s="7"/>
      <c r="BH39" s="7"/>
      <c r="BI39" s="7"/>
      <c r="BJ39" s="7"/>
      <c r="BK39" s="7"/>
      <c r="BL39" s="7"/>
      <c r="BM39" s="7"/>
      <c r="BN39" s="7"/>
      <c r="BO39" s="7"/>
      <c r="BP39" s="7"/>
      <c r="BQ39" s="7"/>
      <c r="BR39" s="7"/>
      <c r="BS39" s="7"/>
      <c r="BT39" s="7"/>
      <c r="BU39" s="7"/>
      <c r="BV39" s="7"/>
      <c r="BW39" s="7"/>
      <c r="BX39" s="7"/>
      <c r="BY39" s="7"/>
      <c r="BZ39" s="7"/>
      <c r="CA39" s="7"/>
      <c r="CB39" s="7"/>
      <c r="CC39" s="7"/>
      <c r="CD39" s="7"/>
      <c r="CE39" s="7"/>
      <c r="CF39" s="7"/>
      <c r="CG39" s="7"/>
      <c r="CH39" s="7"/>
      <c r="CI39" s="7"/>
      <c r="CJ39" s="7"/>
      <c r="CK39" s="7"/>
      <c r="CL39" s="7"/>
      <c r="CM39" s="7"/>
      <c r="CN39" s="7"/>
      <c r="CO39" s="7"/>
      <c r="CP39" s="7"/>
      <c r="CQ39" s="7"/>
      <c r="CR39" s="7"/>
      <c r="CS39" s="7"/>
      <c r="CT39" s="7"/>
      <c r="CU39" s="7"/>
      <c r="CV39" s="7"/>
      <c r="CW39" s="7"/>
      <c r="CX39" s="7"/>
      <c r="CY39" s="7"/>
      <c r="CZ39" s="7"/>
      <c r="DA39" s="7"/>
      <c r="DB39" s="7"/>
      <c r="DC39" s="7"/>
      <c r="DD39" s="7"/>
      <c r="DE39" s="7"/>
      <c r="DF39" s="7"/>
      <c r="DG39" s="7"/>
      <c r="DH39" s="51"/>
      <c r="DI39" s="5"/>
    </row>
    <row r="40" spans="2:113" ht="13.5" customHeight="1" x14ac:dyDescent="0.15">
      <c r="B40" s="205" t="s">
        <v>141</v>
      </c>
      <c r="C40" s="109"/>
      <c r="D40" s="109"/>
      <c r="E40" s="109"/>
      <c r="F40" s="109"/>
      <c r="G40" s="109"/>
      <c r="H40" s="109"/>
      <c r="I40" s="109"/>
      <c r="J40" s="109"/>
      <c r="K40" s="109"/>
      <c r="L40" s="110"/>
      <c r="M40" s="132">
        <v>2003857</v>
      </c>
      <c r="N40" s="133"/>
      <c r="O40" s="133"/>
      <c r="P40" s="133"/>
      <c r="Q40" s="133"/>
      <c r="R40" s="133"/>
      <c r="S40" s="133"/>
      <c r="T40" s="133"/>
      <c r="U40" s="113">
        <v>0.1</v>
      </c>
      <c r="V40" s="113"/>
      <c r="W40" s="113"/>
      <c r="X40" s="113"/>
      <c r="Y40" s="133" t="s">
        <v>135</v>
      </c>
      <c r="Z40" s="133"/>
      <c r="AA40" s="133"/>
      <c r="AB40" s="133"/>
      <c r="AC40" s="133"/>
      <c r="AD40" s="133"/>
      <c r="AE40" s="133"/>
      <c r="AF40" s="133"/>
      <c r="AG40" s="113" t="s">
        <v>135</v>
      </c>
      <c r="AH40" s="113"/>
      <c r="AI40" s="113"/>
      <c r="AJ40" s="320"/>
      <c r="AK40" s="7"/>
      <c r="AL40" s="7"/>
      <c r="AM40" s="7"/>
      <c r="AN40" s="7"/>
      <c r="AO40" s="7"/>
      <c r="AP40" s="7"/>
      <c r="AQ40" s="7"/>
      <c r="AR40" s="7"/>
      <c r="AS40" s="7"/>
      <c r="AT40" s="7"/>
      <c r="AU40" s="7"/>
      <c r="AV40" s="7"/>
      <c r="AW40" s="7"/>
      <c r="AX40" s="7"/>
      <c r="AY40" s="7"/>
      <c r="AZ40" s="7"/>
      <c r="BA40" s="7"/>
      <c r="BB40" s="7"/>
      <c r="BC40" s="7"/>
      <c r="BD40" s="7"/>
      <c r="BE40" s="7"/>
      <c r="BF40" s="7"/>
      <c r="BG40" s="7"/>
      <c r="BH40" s="7"/>
      <c r="BI40" s="7"/>
      <c r="BJ40" s="7"/>
      <c r="BK40" s="7"/>
      <c r="BL40" s="7"/>
      <c r="BM40" s="7"/>
      <c r="BN40" s="7"/>
      <c r="BO40" s="7"/>
      <c r="BP40" s="7"/>
      <c r="BQ40" s="7"/>
      <c r="BR40" s="7"/>
      <c r="BS40" s="7"/>
      <c r="BT40" s="7"/>
      <c r="BU40" s="7"/>
      <c r="BV40" s="7"/>
      <c r="BW40" s="7"/>
      <c r="BX40" s="7"/>
      <c r="BY40" s="7"/>
      <c r="BZ40" s="7"/>
      <c r="CA40" s="7"/>
      <c r="CB40" s="7"/>
      <c r="CC40" s="7"/>
      <c r="CD40" s="7"/>
      <c r="CE40" s="7"/>
      <c r="CF40" s="7"/>
      <c r="CG40" s="7"/>
      <c r="CH40" s="7"/>
      <c r="CI40" s="7"/>
      <c r="CJ40" s="7"/>
      <c r="CK40" s="7"/>
      <c r="CL40" s="7"/>
      <c r="CM40" s="7"/>
      <c r="CN40" s="7"/>
      <c r="CO40" s="7"/>
      <c r="CP40" s="7"/>
      <c r="CQ40" s="7"/>
      <c r="CR40" s="7"/>
      <c r="CS40" s="7"/>
      <c r="CT40" s="7"/>
      <c r="CU40" s="7"/>
      <c r="CV40" s="7"/>
      <c r="CW40" s="7"/>
      <c r="CX40" s="7"/>
      <c r="CY40" s="7"/>
      <c r="CZ40" s="7"/>
      <c r="DA40" s="7"/>
      <c r="DB40" s="7"/>
      <c r="DC40" s="7"/>
      <c r="DD40" s="7"/>
      <c r="DE40" s="7"/>
      <c r="DF40" s="7"/>
      <c r="DG40" s="7"/>
      <c r="DH40" s="51"/>
      <c r="DI40" s="5"/>
    </row>
    <row r="41" spans="2:113" ht="13.5" customHeight="1" x14ac:dyDescent="0.15">
      <c r="B41" s="205" t="s">
        <v>140</v>
      </c>
      <c r="C41" s="109"/>
      <c r="D41" s="109"/>
      <c r="E41" s="109"/>
      <c r="F41" s="109"/>
      <c r="G41" s="109"/>
      <c r="H41" s="109"/>
      <c r="I41" s="109"/>
      <c r="J41" s="109"/>
      <c r="K41" s="109"/>
      <c r="L41" s="110"/>
      <c r="M41" s="132">
        <v>139879993</v>
      </c>
      <c r="N41" s="133"/>
      <c r="O41" s="133"/>
      <c r="P41" s="133"/>
      <c r="Q41" s="133"/>
      <c r="R41" s="133"/>
      <c r="S41" s="133"/>
      <c r="T41" s="133"/>
      <c r="U41" s="113">
        <v>7.9</v>
      </c>
      <c r="V41" s="113"/>
      <c r="W41" s="113"/>
      <c r="X41" s="113"/>
      <c r="Y41" s="133">
        <v>500531</v>
      </c>
      <c r="Z41" s="133"/>
      <c r="AA41" s="133"/>
      <c r="AB41" s="133"/>
      <c r="AC41" s="133"/>
      <c r="AD41" s="133"/>
      <c r="AE41" s="133"/>
      <c r="AF41" s="133"/>
      <c r="AG41" s="113">
        <v>0.1</v>
      </c>
      <c r="AH41" s="113"/>
      <c r="AI41" s="113"/>
      <c r="AJ41" s="320"/>
      <c r="AK41" s="7"/>
      <c r="AL41" s="7"/>
      <c r="AM41" s="7"/>
      <c r="AN41" s="7"/>
      <c r="AO41" s="7"/>
      <c r="AP41" s="7"/>
      <c r="AQ41" s="7"/>
      <c r="AR41" s="7"/>
      <c r="AS41" s="7"/>
      <c r="AT41" s="7"/>
      <c r="AU41" s="7"/>
      <c r="AV41" s="7"/>
      <c r="AW41" s="7"/>
      <c r="AX41" s="7"/>
      <c r="AY41" s="7"/>
      <c r="AZ41" s="7"/>
      <c r="BA41" s="7"/>
      <c r="BB41" s="7"/>
      <c r="BC41" s="7"/>
      <c r="BD41" s="7"/>
      <c r="BE41" s="7"/>
      <c r="BF41" s="7"/>
      <c r="BG41" s="7"/>
      <c r="BH41" s="7"/>
      <c r="BI41" s="7"/>
      <c r="BJ41" s="7"/>
      <c r="BK41" s="7"/>
      <c r="BL41" s="7"/>
      <c r="BM41" s="7"/>
      <c r="BN41" s="7"/>
      <c r="BO41" s="7"/>
      <c r="BP41" s="7"/>
      <c r="BQ41" s="7"/>
      <c r="BR41" s="7"/>
      <c r="BS41" s="7"/>
      <c r="BT41" s="7"/>
      <c r="BU41" s="7"/>
      <c r="BV41" s="7"/>
      <c r="BW41" s="7"/>
      <c r="BX41" s="7"/>
      <c r="BY41" s="7"/>
      <c r="BZ41" s="7"/>
      <c r="CA41" s="7"/>
      <c r="CB41" s="7"/>
      <c r="CC41" s="7"/>
      <c r="CD41" s="7"/>
      <c r="CE41" s="7"/>
      <c r="CF41" s="7"/>
      <c r="CG41" s="7"/>
      <c r="CH41" s="7"/>
      <c r="CI41" s="7"/>
      <c r="CJ41" s="7"/>
      <c r="CK41" s="7"/>
      <c r="CL41" s="7"/>
      <c r="CM41" s="7"/>
      <c r="CN41" s="7"/>
      <c r="CO41" s="7"/>
      <c r="CP41" s="7"/>
      <c r="CQ41" s="7"/>
      <c r="CR41" s="7"/>
      <c r="CS41" s="7"/>
      <c r="CT41" s="7"/>
      <c r="CU41" s="7"/>
      <c r="CV41" s="7"/>
      <c r="CW41" s="7"/>
      <c r="CX41" s="7"/>
      <c r="CY41" s="7"/>
      <c r="CZ41" s="7"/>
      <c r="DA41" s="7"/>
      <c r="DB41" s="7"/>
      <c r="DC41" s="7"/>
      <c r="DD41" s="7"/>
      <c r="DE41" s="7"/>
      <c r="DF41" s="7"/>
      <c r="DG41" s="7"/>
      <c r="DH41" s="51"/>
      <c r="DI41" s="5"/>
    </row>
    <row r="42" spans="2:113" ht="13.5" customHeight="1" x14ac:dyDescent="0.15">
      <c r="B42" s="205" t="s">
        <v>139</v>
      </c>
      <c r="C42" s="109"/>
      <c r="D42" s="109"/>
      <c r="E42" s="109"/>
      <c r="F42" s="109"/>
      <c r="G42" s="109"/>
      <c r="H42" s="109"/>
      <c r="I42" s="109"/>
      <c r="J42" s="109"/>
      <c r="K42" s="109"/>
      <c r="L42" s="110"/>
      <c r="M42" s="132">
        <v>103598589</v>
      </c>
      <c r="N42" s="133"/>
      <c r="O42" s="133"/>
      <c r="P42" s="133"/>
      <c r="Q42" s="133"/>
      <c r="R42" s="133"/>
      <c r="S42" s="133"/>
      <c r="T42" s="133"/>
      <c r="U42" s="113">
        <v>5.9</v>
      </c>
      <c r="V42" s="113"/>
      <c r="W42" s="113"/>
      <c r="X42" s="113"/>
      <c r="Y42" s="133" t="s">
        <v>135</v>
      </c>
      <c r="Z42" s="133"/>
      <c r="AA42" s="133"/>
      <c r="AB42" s="133"/>
      <c r="AC42" s="133"/>
      <c r="AD42" s="133"/>
      <c r="AE42" s="133"/>
      <c r="AF42" s="133"/>
      <c r="AG42" s="113" t="s">
        <v>72</v>
      </c>
      <c r="AH42" s="113"/>
      <c r="AI42" s="113"/>
      <c r="AJ42" s="320"/>
      <c r="AK42" s="7"/>
      <c r="AL42" s="7"/>
      <c r="AM42" s="7"/>
      <c r="AN42" s="7"/>
      <c r="AO42" s="7"/>
      <c r="AP42" s="7"/>
      <c r="AQ42" s="7"/>
      <c r="AR42" s="7"/>
      <c r="AS42" s="7"/>
      <c r="AT42" s="7"/>
      <c r="AU42" s="7"/>
      <c r="AV42" s="7"/>
      <c r="AW42" s="7"/>
      <c r="AX42" s="7"/>
      <c r="AY42" s="7"/>
      <c r="AZ42" s="7"/>
      <c r="BA42" s="7"/>
      <c r="BB42" s="7"/>
      <c r="BC42" s="7"/>
      <c r="BD42" s="7"/>
      <c r="BE42" s="7"/>
      <c r="BF42" s="7"/>
      <c r="BG42" s="7"/>
      <c r="BH42" s="7"/>
      <c r="BI42" s="7"/>
      <c r="BJ42" s="7"/>
      <c r="BK42" s="7"/>
      <c r="BL42" s="7"/>
      <c r="BM42" s="7"/>
      <c r="BN42" s="7"/>
      <c r="BO42" s="7"/>
      <c r="BP42" s="7"/>
      <c r="BQ42" s="7"/>
      <c r="BR42" s="7"/>
      <c r="BS42" s="7"/>
      <c r="BT42" s="7"/>
      <c r="BU42" s="7"/>
      <c r="BV42" s="7"/>
      <c r="BW42" s="7"/>
      <c r="BX42" s="7"/>
      <c r="BY42" s="7"/>
      <c r="BZ42" s="7"/>
      <c r="CA42" s="7"/>
      <c r="CB42" s="7"/>
      <c r="CC42" s="7"/>
      <c r="CD42" s="7"/>
      <c r="CE42" s="7"/>
      <c r="CF42" s="7"/>
      <c r="CG42" s="7"/>
      <c r="CH42" s="7"/>
      <c r="CI42" s="7"/>
      <c r="CJ42" s="7"/>
      <c r="CK42" s="7"/>
      <c r="CL42" s="7"/>
      <c r="CM42" s="7"/>
      <c r="CN42" s="7"/>
      <c r="CO42" s="7"/>
      <c r="CP42" s="7"/>
      <c r="CQ42" s="7"/>
      <c r="CR42" s="7"/>
      <c r="CS42" s="7"/>
      <c r="CT42" s="7"/>
      <c r="CU42" s="7"/>
      <c r="CV42" s="7"/>
      <c r="CW42" s="7"/>
      <c r="CX42" s="7"/>
      <c r="CY42" s="7"/>
      <c r="CZ42" s="7"/>
      <c r="DA42" s="7"/>
      <c r="DB42" s="7"/>
      <c r="DC42" s="7"/>
      <c r="DD42" s="7"/>
      <c r="DE42" s="7"/>
      <c r="DF42" s="7"/>
      <c r="DG42" s="7"/>
      <c r="DH42" s="51"/>
      <c r="DI42" s="5"/>
    </row>
    <row r="43" spans="2:113" ht="13.5" customHeight="1" x14ac:dyDescent="0.15">
      <c r="B43" s="22"/>
      <c r="C43" s="280" t="s">
        <v>138</v>
      </c>
      <c r="D43" s="280"/>
      <c r="E43" s="280"/>
      <c r="F43" s="280"/>
      <c r="G43" s="280"/>
      <c r="H43" s="280"/>
      <c r="I43" s="280"/>
      <c r="J43" s="280"/>
      <c r="K43" s="280"/>
      <c r="L43" s="281"/>
      <c r="M43" s="132" t="s">
        <v>137</v>
      </c>
      <c r="N43" s="133"/>
      <c r="O43" s="133"/>
      <c r="P43" s="133"/>
      <c r="Q43" s="133"/>
      <c r="R43" s="133"/>
      <c r="S43" s="133"/>
      <c r="T43" s="133"/>
      <c r="U43" s="113" t="s">
        <v>135</v>
      </c>
      <c r="V43" s="113"/>
      <c r="W43" s="113"/>
      <c r="X43" s="113"/>
      <c r="Y43" s="133" t="s">
        <v>135</v>
      </c>
      <c r="Z43" s="133"/>
      <c r="AA43" s="133"/>
      <c r="AB43" s="133"/>
      <c r="AC43" s="133"/>
      <c r="AD43" s="133"/>
      <c r="AE43" s="133"/>
      <c r="AF43" s="133"/>
      <c r="AG43" s="113" t="s">
        <v>135</v>
      </c>
      <c r="AH43" s="113"/>
      <c r="AI43" s="113"/>
      <c r="AJ43" s="320"/>
      <c r="AK43" s="7"/>
      <c r="AL43" s="7"/>
      <c r="AM43" s="7"/>
      <c r="AN43" s="7"/>
      <c r="AO43" s="7"/>
      <c r="AP43" s="7"/>
      <c r="AQ43" s="7"/>
      <c r="AR43" s="7"/>
      <c r="AS43" s="7"/>
      <c r="AT43" s="7"/>
      <c r="AU43" s="7"/>
      <c r="AV43" s="7"/>
      <c r="AW43" s="7"/>
      <c r="AX43" s="7"/>
      <c r="AY43" s="7"/>
      <c r="AZ43" s="7"/>
      <c r="BA43" s="7"/>
      <c r="BB43" s="7"/>
      <c r="BC43" s="7"/>
      <c r="BD43" s="7"/>
      <c r="BE43" s="7"/>
      <c r="BF43" s="7"/>
      <c r="BG43" s="7"/>
      <c r="BH43" s="7"/>
      <c r="BI43" s="7"/>
      <c r="BJ43" s="7"/>
      <c r="BK43" s="7"/>
      <c r="BL43" s="7"/>
      <c r="BM43" s="7"/>
      <c r="BN43" s="7"/>
      <c r="BO43" s="7"/>
      <c r="BP43" s="7"/>
      <c r="BQ43" s="7"/>
      <c r="BR43" s="7"/>
      <c r="BS43" s="7"/>
      <c r="BT43" s="7"/>
      <c r="BU43" s="7"/>
      <c r="BV43" s="7"/>
      <c r="BW43" s="7"/>
      <c r="BX43" s="7"/>
      <c r="BY43" s="7"/>
      <c r="BZ43" s="7"/>
      <c r="CA43" s="7"/>
      <c r="CB43" s="7"/>
      <c r="CC43" s="7"/>
      <c r="CD43" s="7"/>
      <c r="CE43" s="7"/>
      <c r="CF43" s="7"/>
      <c r="CG43" s="7"/>
      <c r="CH43" s="7"/>
      <c r="CI43" s="7"/>
      <c r="CJ43" s="7"/>
      <c r="CK43" s="7"/>
      <c r="CL43" s="7"/>
      <c r="CM43" s="7"/>
      <c r="CN43" s="7"/>
      <c r="CO43" s="7"/>
      <c r="CP43" s="7"/>
      <c r="CQ43" s="7"/>
      <c r="CR43" s="7"/>
      <c r="CS43" s="7"/>
      <c r="CT43" s="7"/>
      <c r="CU43" s="7"/>
      <c r="CV43" s="7"/>
      <c r="CW43" s="7"/>
      <c r="CX43" s="7"/>
      <c r="CY43" s="7"/>
      <c r="CZ43" s="7"/>
      <c r="DA43" s="7"/>
      <c r="DB43" s="7"/>
      <c r="DC43" s="7"/>
      <c r="DD43" s="7"/>
      <c r="DE43" s="7"/>
      <c r="DF43" s="7"/>
      <c r="DG43" s="7"/>
      <c r="DH43" s="51"/>
      <c r="DI43" s="5"/>
    </row>
    <row r="44" spans="2:113" ht="13.5" customHeight="1" x14ac:dyDescent="0.15">
      <c r="B44" s="22"/>
      <c r="C44" s="280" t="s">
        <v>136</v>
      </c>
      <c r="D44" s="280"/>
      <c r="E44" s="280"/>
      <c r="F44" s="280"/>
      <c r="G44" s="280"/>
      <c r="H44" s="280"/>
      <c r="I44" s="280"/>
      <c r="J44" s="280"/>
      <c r="K44" s="280"/>
      <c r="L44" s="281"/>
      <c r="M44" s="132">
        <v>64076089</v>
      </c>
      <c r="N44" s="133"/>
      <c r="O44" s="133"/>
      <c r="P44" s="133"/>
      <c r="Q44" s="133"/>
      <c r="R44" s="133"/>
      <c r="S44" s="133"/>
      <c r="T44" s="133"/>
      <c r="U44" s="113">
        <v>3.6</v>
      </c>
      <c r="V44" s="113"/>
      <c r="W44" s="113"/>
      <c r="X44" s="113"/>
      <c r="Y44" s="133" t="s">
        <v>135</v>
      </c>
      <c r="Z44" s="133"/>
      <c r="AA44" s="133"/>
      <c r="AB44" s="133"/>
      <c r="AC44" s="133"/>
      <c r="AD44" s="133"/>
      <c r="AE44" s="133"/>
      <c r="AF44" s="133"/>
      <c r="AG44" s="113" t="s">
        <v>135</v>
      </c>
      <c r="AH44" s="113"/>
      <c r="AI44" s="113"/>
      <c r="AJ44" s="320"/>
      <c r="AK44" s="7"/>
      <c r="AL44" s="7"/>
      <c r="AM44" s="7"/>
      <c r="AN44" s="7"/>
      <c r="AO44" s="7"/>
      <c r="AP44" s="7"/>
      <c r="AQ44" s="7"/>
      <c r="AR44" s="7"/>
      <c r="AS44" s="7"/>
      <c r="AT44" s="7"/>
      <c r="AU44" s="7"/>
      <c r="AV44" s="7"/>
      <c r="AW44" s="7"/>
      <c r="AX44" s="7"/>
      <c r="AY44" s="7"/>
      <c r="AZ44" s="7"/>
      <c r="BA44" s="7"/>
      <c r="BB44" s="7"/>
      <c r="BC44" s="7"/>
      <c r="BD44" s="7"/>
      <c r="BE44" s="7"/>
      <c r="BF44" s="7"/>
      <c r="BG44" s="7"/>
      <c r="BH44" s="7"/>
      <c r="BI44" s="7"/>
      <c r="BJ44" s="7"/>
      <c r="BK44" s="7"/>
      <c r="BL44" s="7"/>
      <c r="BM44" s="7"/>
      <c r="BN44" s="7"/>
      <c r="BO44" s="7"/>
      <c r="BP44" s="7"/>
      <c r="BQ44" s="7"/>
      <c r="BR44" s="7"/>
      <c r="BS44" s="7"/>
      <c r="BT44" s="7"/>
      <c r="BU44" s="7"/>
      <c r="BV44" s="7"/>
      <c r="BW44" s="7"/>
      <c r="BX44" s="7"/>
      <c r="BY44" s="7"/>
      <c r="BZ44" s="7"/>
      <c r="CA44" s="7"/>
      <c r="CB44" s="7"/>
      <c r="CC44" s="7"/>
      <c r="CD44" s="7"/>
      <c r="CE44" s="7"/>
      <c r="CF44" s="7"/>
      <c r="CG44" s="7"/>
      <c r="CH44" s="7"/>
      <c r="CI44" s="7"/>
      <c r="CJ44" s="7"/>
      <c r="CK44" s="7"/>
      <c r="CL44" s="7"/>
      <c r="CM44" s="7"/>
      <c r="CN44" s="7"/>
      <c r="CO44" s="7"/>
      <c r="CP44" s="7"/>
      <c r="CQ44" s="7"/>
      <c r="CR44" s="7"/>
      <c r="CS44" s="7"/>
      <c r="CT44" s="7"/>
      <c r="CU44" s="7"/>
      <c r="CV44" s="7"/>
      <c r="CW44" s="7"/>
      <c r="CX44" s="7"/>
      <c r="CY44" s="7"/>
      <c r="CZ44" s="7"/>
      <c r="DA44" s="7"/>
      <c r="DB44" s="7"/>
      <c r="DC44" s="7"/>
      <c r="DD44" s="7"/>
      <c r="DE44" s="7"/>
      <c r="DF44" s="7"/>
      <c r="DG44" s="7"/>
      <c r="DH44" s="51"/>
      <c r="DI44" s="5"/>
    </row>
    <row r="45" spans="2:113" ht="13.5" customHeight="1" x14ac:dyDescent="0.15">
      <c r="B45" s="319" t="s">
        <v>134</v>
      </c>
      <c r="C45" s="197"/>
      <c r="D45" s="197"/>
      <c r="E45" s="197"/>
      <c r="F45" s="197"/>
      <c r="G45" s="197"/>
      <c r="H45" s="197"/>
      <c r="I45" s="197"/>
      <c r="J45" s="197"/>
      <c r="K45" s="197"/>
      <c r="L45" s="198"/>
      <c r="M45" s="132">
        <v>1761138232</v>
      </c>
      <c r="N45" s="133"/>
      <c r="O45" s="133"/>
      <c r="P45" s="133"/>
      <c r="Q45" s="133"/>
      <c r="R45" s="133"/>
      <c r="S45" s="133"/>
      <c r="T45" s="133"/>
      <c r="U45" s="113">
        <v>100</v>
      </c>
      <c r="V45" s="113"/>
      <c r="W45" s="113"/>
      <c r="X45" s="113"/>
      <c r="Y45" s="133">
        <v>833068275</v>
      </c>
      <c r="Z45" s="133"/>
      <c r="AA45" s="133"/>
      <c r="AB45" s="133"/>
      <c r="AC45" s="133"/>
      <c r="AD45" s="133"/>
      <c r="AE45" s="133"/>
      <c r="AF45" s="133"/>
      <c r="AG45" s="113">
        <v>100</v>
      </c>
      <c r="AH45" s="113"/>
      <c r="AI45" s="113"/>
      <c r="AJ45" s="320"/>
      <c r="AK45" s="52"/>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7"/>
      <c r="CN45" s="7"/>
      <c r="CO45" s="7"/>
      <c r="CP45" s="7"/>
      <c r="CQ45" s="7"/>
      <c r="CR45" s="7"/>
      <c r="CS45" s="7"/>
      <c r="CT45" s="7"/>
      <c r="CU45" s="7"/>
      <c r="CV45" s="7"/>
      <c r="CW45" s="7"/>
      <c r="CX45" s="7"/>
      <c r="CY45" s="7"/>
      <c r="CZ45" s="7"/>
      <c r="DA45" s="7"/>
      <c r="DB45" s="7"/>
      <c r="DC45" s="7"/>
      <c r="DD45" s="7"/>
      <c r="DE45" s="7"/>
      <c r="DF45" s="7"/>
      <c r="DG45" s="7"/>
      <c r="DH45" s="51"/>
      <c r="DI45" s="5"/>
    </row>
    <row r="46" spans="2:113" ht="13.5" customHeight="1" x14ac:dyDescent="0.15">
      <c r="B46" s="50"/>
      <c r="C46" s="47"/>
      <c r="D46" s="47"/>
      <c r="E46" s="126" t="s">
        <v>133</v>
      </c>
      <c r="F46" s="126"/>
      <c r="G46" s="126"/>
      <c r="H46" s="126"/>
      <c r="I46" s="126"/>
      <c r="J46" s="126"/>
      <c r="K46" s="126"/>
      <c r="L46" s="126"/>
      <c r="M46" s="126"/>
      <c r="N46" s="126"/>
      <c r="O46" s="126"/>
      <c r="P46" s="126"/>
      <c r="Q46" s="126"/>
      <c r="R46" s="126"/>
      <c r="S46" s="126"/>
      <c r="T46" s="126"/>
      <c r="U46" s="126"/>
      <c r="V46" s="126"/>
      <c r="W46" s="126"/>
      <c r="X46" s="126"/>
      <c r="Y46" s="126"/>
      <c r="Z46" s="126"/>
      <c r="AA46" s="126"/>
      <c r="AB46" s="126"/>
      <c r="AC46" s="47"/>
      <c r="AD46" s="47"/>
      <c r="AE46" s="47"/>
      <c r="AF46" s="47"/>
      <c r="AG46" s="49"/>
      <c r="AH46" s="126" t="s">
        <v>131</v>
      </c>
      <c r="AI46" s="126"/>
      <c r="AJ46" s="126"/>
      <c r="AK46" s="126"/>
      <c r="AL46" s="126"/>
      <c r="AM46" s="126"/>
      <c r="AN46" s="126"/>
      <c r="AO46" s="126"/>
      <c r="AP46" s="126"/>
      <c r="AQ46" s="43"/>
      <c r="AR46" s="43"/>
      <c r="AS46" s="43"/>
      <c r="AT46" s="47"/>
      <c r="AU46" s="47"/>
      <c r="AV46" s="46"/>
      <c r="AW46" s="48"/>
      <c r="AX46" s="47"/>
      <c r="AY46" s="47"/>
      <c r="AZ46" s="126" t="s">
        <v>132</v>
      </c>
      <c r="BA46" s="126"/>
      <c r="BB46" s="126"/>
      <c r="BC46" s="126"/>
      <c r="BD46" s="126"/>
      <c r="BE46" s="126"/>
      <c r="BF46" s="126"/>
      <c r="BG46" s="126"/>
      <c r="BH46" s="126"/>
      <c r="BI46" s="126"/>
      <c r="BJ46" s="126"/>
      <c r="BK46" s="126"/>
      <c r="BL46" s="126"/>
      <c r="BM46" s="126"/>
      <c r="BN46" s="126"/>
      <c r="BO46" s="126"/>
      <c r="BP46" s="126"/>
      <c r="BQ46" s="126"/>
      <c r="BR46" s="126"/>
      <c r="BS46" s="126"/>
      <c r="BT46" s="47"/>
      <c r="BU46" s="47"/>
      <c r="BV46" s="126" t="s">
        <v>131</v>
      </c>
      <c r="BW46" s="126"/>
      <c r="BX46" s="126"/>
      <c r="BY46" s="126"/>
      <c r="BZ46" s="126"/>
      <c r="CA46" s="126"/>
      <c r="CB46" s="126"/>
      <c r="CC46" s="126"/>
      <c r="CD46" s="47"/>
      <c r="CE46" s="46"/>
      <c r="CF46" s="45"/>
      <c r="CG46" s="44"/>
      <c r="CH46" s="296" t="s">
        <v>130</v>
      </c>
      <c r="CI46" s="296"/>
      <c r="CJ46" s="296"/>
      <c r="CK46" s="296"/>
      <c r="CL46" s="296"/>
      <c r="CM46" s="296"/>
      <c r="CN46" s="296"/>
      <c r="CO46" s="296"/>
      <c r="CP46" s="296"/>
      <c r="CQ46" s="43"/>
      <c r="CR46" s="29"/>
      <c r="CS46" s="159" t="s">
        <v>129</v>
      </c>
      <c r="CT46" s="126"/>
      <c r="CU46" s="126"/>
      <c r="CV46" s="126"/>
      <c r="CW46" s="126"/>
      <c r="CX46" s="126"/>
      <c r="CY46" s="126"/>
      <c r="CZ46" s="127"/>
      <c r="DA46" s="159" t="s">
        <v>128</v>
      </c>
      <c r="DB46" s="126"/>
      <c r="DC46" s="126"/>
      <c r="DD46" s="126"/>
      <c r="DE46" s="126"/>
      <c r="DF46" s="126"/>
      <c r="DG46" s="126"/>
      <c r="DH46" s="298"/>
      <c r="DI46" s="5"/>
    </row>
    <row r="47" spans="2:113" ht="13.5" customHeight="1" x14ac:dyDescent="0.15">
      <c r="B47" s="42"/>
      <c r="C47" s="38"/>
      <c r="D47" s="38"/>
      <c r="E47" s="197"/>
      <c r="F47" s="197"/>
      <c r="G47" s="197"/>
      <c r="H47" s="197"/>
      <c r="I47" s="197"/>
      <c r="J47" s="197"/>
      <c r="K47" s="197"/>
      <c r="L47" s="197"/>
      <c r="M47" s="197"/>
      <c r="N47" s="197"/>
      <c r="O47" s="197"/>
      <c r="P47" s="197"/>
      <c r="Q47" s="197"/>
      <c r="R47" s="197"/>
      <c r="S47" s="197"/>
      <c r="T47" s="197"/>
      <c r="U47" s="197"/>
      <c r="V47" s="197"/>
      <c r="W47" s="197"/>
      <c r="X47" s="197"/>
      <c r="Y47" s="109"/>
      <c r="Z47" s="109"/>
      <c r="AA47" s="109"/>
      <c r="AB47" s="109"/>
      <c r="AC47" s="5"/>
      <c r="AD47" s="5"/>
      <c r="AE47" s="5"/>
      <c r="AF47" s="5"/>
      <c r="AG47" s="7"/>
      <c r="AH47" s="321"/>
      <c r="AI47" s="321"/>
      <c r="AJ47" s="321"/>
      <c r="AK47" s="321"/>
      <c r="AL47" s="321"/>
      <c r="AM47" s="321"/>
      <c r="AN47" s="321"/>
      <c r="AO47" s="321"/>
      <c r="AP47" s="321"/>
      <c r="AQ47" s="41"/>
      <c r="AR47" s="41"/>
      <c r="AS47" s="41"/>
      <c r="AT47" s="5"/>
      <c r="AU47" s="5"/>
      <c r="AV47" s="40"/>
      <c r="AW47" s="39"/>
      <c r="AX47" s="38"/>
      <c r="AY47" s="38"/>
      <c r="AZ47" s="197"/>
      <c r="BA47" s="197"/>
      <c r="BB47" s="197"/>
      <c r="BC47" s="197"/>
      <c r="BD47" s="197"/>
      <c r="BE47" s="197"/>
      <c r="BF47" s="197"/>
      <c r="BG47" s="197"/>
      <c r="BH47" s="197"/>
      <c r="BI47" s="197"/>
      <c r="BJ47" s="197"/>
      <c r="BK47" s="197"/>
      <c r="BL47" s="197"/>
      <c r="BM47" s="197"/>
      <c r="BN47" s="197"/>
      <c r="BO47" s="197"/>
      <c r="BP47" s="197"/>
      <c r="BQ47" s="197"/>
      <c r="BR47" s="197"/>
      <c r="BS47" s="197"/>
      <c r="BT47" s="38"/>
      <c r="BU47" s="38"/>
      <c r="BV47" s="197"/>
      <c r="BW47" s="197"/>
      <c r="BX47" s="197"/>
      <c r="BY47" s="197"/>
      <c r="BZ47" s="197"/>
      <c r="CA47" s="197"/>
      <c r="CB47" s="197"/>
      <c r="CC47" s="197"/>
      <c r="CD47" s="38"/>
      <c r="CE47" s="37"/>
      <c r="CF47" s="25"/>
      <c r="CG47" s="36"/>
      <c r="CH47" s="297"/>
      <c r="CI47" s="297"/>
      <c r="CJ47" s="297"/>
      <c r="CK47" s="297"/>
      <c r="CL47" s="297"/>
      <c r="CM47" s="297"/>
      <c r="CN47" s="297"/>
      <c r="CO47" s="297"/>
      <c r="CP47" s="297"/>
      <c r="CQ47" s="35"/>
      <c r="CR47" s="26"/>
      <c r="CS47" s="196"/>
      <c r="CT47" s="197"/>
      <c r="CU47" s="197"/>
      <c r="CV47" s="197"/>
      <c r="CW47" s="197"/>
      <c r="CX47" s="197"/>
      <c r="CY47" s="197"/>
      <c r="CZ47" s="198"/>
      <c r="DA47" s="196"/>
      <c r="DB47" s="197"/>
      <c r="DC47" s="197"/>
      <c r="DD47" s="197"/>
      <c r="DE47" s="197"/>
      <c r="DF47" s="197"/>
      <c r="DG47" s="197"/>
      <c r="DH47" s="299"/>
      <c r="DI47" s="5"/>
    </row>
    <row r="48" spans="2:113" ht="13.5" customHeight="1" x14ac:dyDescent="0.15">
      <c r="B48" s="34"/>
      <c r="C48" s="33"/>
      <c r="D48" s="300" t="s">
        <v>127</v>
      </c>
      <c r="E48" s="300"/>
      <c r="F48" s="300"/>
      <c r="G48" s="300"/>
      <c r="H48" s="300"/>
      <c r="I48" s="300"/>
      <c r="J48" s="300"/>
      <c r="K48" s="32"/>
      <c r="L48" s="30"/>
      <c r="M48" s="31"/>
      <c r="N48" s="300" t="s">
        <v>126</v>
      </c>
      <c r="O48" s="300"/>
      <c r="P48" s="300"/>
      <c r="Q48" s="300"/>
      <c r="R48" s="300"/>
      <c r="S48" s="300"/>
      <c r="T48" s="30"/>
      <c r="U48" s="301" t="s">
        <v>121</v>
      </c>
      <c r="V48" s="300"/>
      <c r="W48" s="300"/>
      <c r="X48" s="302"/>
      <c r="Y48" s="303" t="s">
        <v>116</v>
      </c>
      <c r="Z48" s="303"/>
      <c r="AA48" s="303"/>
      <c r="AB48" s="303"/>
      <c r="AC48" s="303"/>
      <c r="AD48" s="303"/>
      <c r="AE48" s="303"/>
      <c r="AF48" s="303"/>
      <c r="AG48" s="304" t="s">
        <v>125</v>
      </c>
      <c r="AH48" s="305"/>
      <c r="AI48" s="305"/>
      <c r="AJ48" s="305"/>
      <c r="AK48" s="305"/>
      <c r="AL48" s="305"/>
      <c r="AM48" s="305"/>
      <c r="AN48" s="305"/>
      <c r="AO48" s="305"/>
      <c r="AP48" s="306"/>
      <c r="AQ48" s="303" t="s">
        <v>124</v>
      </c>
      <c r="AR48" s="303"/>
      <c r="AS48" s="303"/>
      <c r="AT48" s="303"/>
      <c r="AU48" s="303"/>
      <c r="AV48" s="303"/>
      <c r="AW48" s="7"/>
      <c r="AX48" s="126" t="s">
        <v>123</v>
      </c>
      <c r="AY48" s="126"/>
      <c r="AZ48" s="126"/>
      <c r="BA48" s="126"/>
      <c r="BB48" s="126"/>
      <c r="BC48" s="126"/>
      <c r="BD48" s="126"/>
      <c r="BE48" s="29"/>
      <c r="BF48" s="7"/>
      <c r="BG48" s="126" t="s">
        <v>122</v>
      </c>
      <c r="BH48" s="126"/>
      <c r="BI48" s="126"/>
      <c r="BJ48" s="126"/>
      <c r="BK48" s="126"/>
      <c r="BL48" s="29"/>
      <c r="BM48" s="126" t="s">
        <v>121</v>
      </c>
      <c r="BN48" s="126"/>
      <c r="BO48" s="126"/>
      <c r="BP48" s="126"/>
      <c r="BQ48" s="307"/>
      <c r="BR48" s="308"/>
      <c r="BS48" s="126" t="s">
        <v>120</v>
      </c>
      <c r="BT48" s="126"/>
      <c r="BU48" s="126"/>
      <c r="BV48" s="126"/>
      <c r="BW48" s="126"/>
      <c r="BX48" s="311"/>
      <c r="BY48" s="312"/>
      <c r="BZ48" s="7"/>
      <c r="CA48" s="313" t="s">
        <v>119</v>
      </c>
      <c r="CB48" s="313"/>
      <c r="CC48" s="313"/>
      <c r="CD48" s="313"/>
      <c r="CE48" s="28"/>
      <c r="CF48" s="159" t="s">
        <v>118</v>
      </c>
      <c r="CG48" s="314"/>
      <c r="CH48" s="314"/>
      <c r="CI48" s="314"/>
      <c r="CJ48" s="314"/>
      <c r="CK48" s="314"/>
      <c r="CL48" s="314"/>
      <c r="CM48" s="314"/>
      <c r="CN48" s="314"/>
      <c r="CO48" s="314"/>
      <c r="CP48" s="314"/>
      <c r="CQ48" s="314"/>
      <c r="CR48" s="315"/>
      <c r="CS48" s="187">
        <v>582725337</v>
      </c>
      <c r="CT48" s="293"/>
      <c r="CU48" s="293"/>
      <c r="CV48" s="293"/>
      <c r="CW48" s="293"/>
      <c r="CX48" s="293"/>
      <c r="CY48" s="293"/>
      <c r="CZ48" s="295"/>
      <c r="DA48" s="187">
        <v>564608862</v>
      </c>
      <c r="DB48" s="293"/>
      <c r="DC48" s="293"/>
      <c r="DD48" s="293"/>
      <c r="DE48" s="293"/>
      <c r="DF48" s="293"/>
      <c r="DG48" s="293"/>
      <c r="DH48" s="316"/>
      <c r="DI48" s="5"/>
    </row>
    <row r="49" spans="2:113" ht="13.5" customHeight="1" x14ac:dyDescent="0.15">
      <c r="B49" s="317" t="s">
        <v>117</v>
      </c>
      <c r="C49" s="300"/>
      <c r="D49" s="300"/>
      <c r="E49" s="300"/>
      <c r="F49" s="300"/>
      <c r="G49" s="300"/>
      <c r="H49" s="300"/>
      <c r="I49" s="300"/>
      <c r="J49" s="300"/>
      <c r="K49" s="300"/>
      <c r="L49" s="318"/>
      <c r="M49" s="164">
        <v>302070692</v>
      </c>
      <c r="N49" s="288"/>
      <c r="O49" s="288"/>
      <c r="P49" s="288"/>
      <c r="Q49" s="288"/>
      <c r="R49" s="288"/>
      <c r="S49" s="288"/>
      <c r="T49" s="288"/>
      <c r="U49" s="309">
        <v>17.2</v>
      </c>
      <c r="V49" s="309"/>
      <c r="W49" s="309"/>
      <c r="X49" s="309"/>
      <c r="Y49" s="288">
        <v>255181435</v>
      </c>
      <c r="Z49" s="288"/>
      <c r="AA49" s="288"/>
      <c r="AB49" s="288"/>
      <c r="AC49" s="288"/>
      <c r="AD49" s="288"/>
      <c r="AE49" s="288"/>
      <c r="AF49" s="288"/>
      <c r="AG49" s="288">
        <v>255054737</v>
      </c>
      <c r="AH49" s="288"/>
      <c r="AI49" s="288"/>
      <c r="AJ49" s="288"/>
      <c r="AK49" s="288"/>
      <c r="AL49" s="288"/>
      <c r="AM49" s="288"/>
      <c r="AN49" s="288"/>
      <c r="AO49" s="288"/>
      <c r="AP49" s="288"/>
      <c r="AQ49" s="309">
        <v>28.4</v>
      </c>
      <c r="AR49" s="309"/>
      <c r="AS49" s="309"/>
      <c r="AT49" s="309"/>
      <c r="AU49" s="309"/>
      <c r="AV49" s="310"/>
      <c r="AW49" s="27"/>
      <c r="AX49" s="197"/>
      <c r="AY49" s="197"/>
      <c r="AZ49" s="197"/>
      <c r="BA49" s="197"/>
      <c r="BB49" s="197"/>
      <c r="BC49" s="197"/>
      <c r="BD49" s="197"/>
      <c r="BE49" s="26"/>
      <c r="BF49" s="27"/>
      <c r="BG49" s="197"/>
      <c r="BH49" s="197"/>
      <c r="BI49" s="197"/>
      <c r="BJ49" s="197"/>
      <c r="BK49" s="197"/>
      <c r="BL49" s="26"/>
      <c r="BM49" s="197"/>
      <c r="BN49" s="197"/>
      <c r="BO49" s="197"/>
      <c r="BP49" s="197"/>
      <c r="BQ49" s="25"/>
      <c r="BR49" s="197" t="s">
        <v>49</v>
      </c>
      <c r="BS49" s="197"/>
      <c r="BT49" s="197"/>
      <c r="BU49" s="197"/>
      <c r="BV49" s="197"/>
      <c r="BW49" s="197"/>
      <c r="BX49" s="197"/>
      <c r="BY49" s="24"/>
      <c r="BZ49" s="289" t="s">
        <v>116</v>
      </c>
      <c r="CA49" s="290"/>
      <c r="CB49" s="290"/>
      <c r="CC49" s="290"/>
      <c r="CD49" s="290"/>
      <c r="CE49" s="291"/>
      <c r="CF49" s="131" t="s">
        <v>115</v>
      </c>
      <c r="CG49" s="286"/>
      <c r="CH49" s="286"/>
      <c r="CI49" s="286"/>
      <c r="CJ49" s="286"/>
      <c r="CK49" s="286"/>
      <c r="CL49" s="286"/>
      <c r="CM49" s="286"/>
      <c r="CN49" s="286"/>
      <c r="CO49" s="286"/>
      <c r="CP49" s="286"/>
      <c r="CQ49" s="286"/>
      <c r="CR49" s="287"/>
      <c r="CS49" s="132">
        <v>625019815</v>
      </c>
      <c r="CT49" s="175"/>
      <c r="CU49" s="175"/>
      <c r="CV49" s="175"/>
      <c r="CW49" s="175"/>
      <c r="CX49" s="175"/>
      <c r="CY49" s="175"/>
      <c r="CZ49" s="199"/>
      <c r="DA49" s="132">
        <v>617149386</v>
      </c>
      <c r="DB49" s="175"/>
      <c r="DC49" s="175"/>
      <c r="DD49" s="175"/>
      <c r="DE49" s="175"/>
      <c r="DF49" s="175"/>
      <c r="DG49" s="175"/>
      <c r="DH49" s="176"/>
      <c r="DI49" s="5"/>
    </row>
    <row r="50" spans="2:113" ht="13.5" customHeight="1" x14ac:dyDescent="0.15">
      <c r="B50" s="22"/>
      <c r="C50" s="109" t="s">
        <v>114</v>
      </c>
      <c r="D50" s="109"/>
      <c r="E50" s="109"/>
      <c r="F50" s="109"/>
      <c r="G50" s="109"/>
      <c r="H50" s="109"/>
      <c r="I50" s="109"/>
      <c r="J50" s="109"/>
      <c r="K50" s="109"/>
      <c r="L50" s="110"/>
      <c r="M50" s="132">
        <v>221679339</v>
      </c>
      <c r="N50" s="133"/>
      <c r="O50" s="133"/>
      <c r="P50" s="133"/>
      <c r="Q50" s="133"/>
      <c r="R50" s="133"/>
      <c r="S50" s="133"/>
      <c r="T50" s="133"/>
      <c r="U50" s="113">
        <v>12.6</v>
      </c>
      <c r="V50" s="113"/>
      <c r="W50" s="113"/>
      <c r="X50" s="113"/>
      <c r="Y50" s="133">
        <v>187278336</v>
      </c>
      <c r="Z50" s="133"/>
      <c r="AA50" s="133"/>
      <c r="AB50" s="133"/>
      <c r="AC50" s="133"/>
      <c r="AD50" s="133"/>
      <c r="AE50" s="133"/>
      <c r="AF50" s="133"/>
      <c r="AG50" s="133" t="s">
        <v>63</v>
      </c>
      <c r="AH50" s="133"/>
      <c r="AI50" s="133"/>
      <c r="AJ50" s="133"/>
      <c r="AK50" s="133"/>
      <c r="AL50" s="133"/>
      <c r="AM50" s="133"/>
      <c r="AN50" s="133"/>
      <c r="AO50" s="133"/>
      <c r="AP50" s="133"/>
      <c r="AQ50" s="113" t="s">
        <v>75</v>
      </c>
      <c r="AR50" s="113"/>
      <c r="AS50" s="113"/>
      <c r="AT50" s="113"/>
      <c r="AU50" s="113"/>
      <c r="AV50" s="222"/>
      <c r="AW50" s="159" t="s">
        <v>113</v>
      </c>
      <c r="AX50" s="126"/>
      <c r="AY50" s="126"/>
      <c r="AZ50" s="126"/>
      <c r="BA50" s="126"/>
      <c r="BB50" s="126"/>
      <c r="BC50" s="126"/>
      <c r="BD50" s="126"/>
      <c r="BE50" s="127"/>
      <c r="BF50" s="292">
        <v>2453441</v>
      </c>
      <c r="BG50" s="293"/>
      <c r="BH50" s="293"/>
      <c r="BI50" s="293"/>
      <c r="BJ50" s="293"/>
      <c r="BK50" s="293"/>
      <c r="BL50" s="293"/>
      <c r="BM50" s="294">
        <v>0.1</v>
      </c>
      <c r="BN50" s="294"/>
      <c r="BO50" s="294"/>
      <c r="BP50" s="294"/>
      <c r="BQ50" s="293">
        <v>119211</v>
      </c>
      <c r="BR50" s="293"/>
      <c r="BS50" s="293"/>
      <c r="BT50" s="293"/>
      <c r="BU50" s="293"/>
      <c r="BV50" s="293"/>
      <c r="BW50" s="293"/>
      <c r="BX50" s="293"/>
      <c r="BY50" s="293"/>
      <c r="BZ50" s="293">
        <v>2332835</v>
      </c>
      <c r="CA50" s="293"/>
      <c r="CB50" s="293"/>
      <c r="CC50" s="293"/>
      <c r="CD50" s="293"/>
      <c r="CE50" s="295"/>
      <c r="CF50" s="131" t="s">
        <v>112</v>
      </c>
      <c r="CG50" s="286"/>
      <c r="CH50" s="286"/>
      <c r="CI50" s="286"/>
      <c r="CJ50" s="286"/>
      <c r="CK50" s="286"/>
      <c r="CL50" s="286"/>
      <c r="CM50" s="286"/>
      <c r="CN50" s="286"/>
      <c r="CO50" s="286"/>
      <c r="CP50" s="286"/>
      <c r="CQ50" s="286"/>
      <c r="CR50" s="287"/>
      <c r="CS50" s="132">
        <v>745486755</v>
      </c>
      <c r="CT50" s="175"/>
      <c r="CU50" s="175"/>
      <c r="CV50" s="175"/>
      <c r="CW50" s="175"/>
      <c r="CX50" s="175"/>
      <c r="CY50" s="175"/>
      <c r="CZ50" s="199"/>
      <c r="DA50" s="132">
        <v>722067232</v>
      </c>
      <c r="DB50" s="175"/>
      <c r="DC50" s="175"/>
      <c r="DD50" s="175"/>
      <c r="DE50" s="175"/>
      <c r="DF50" s="175"/>
      <c r="DG50" s="175"/>
      <c r="DH50" s="176"/>
      <c r="DI50" s="5"/>
    </row>
    <row r="51" spans="2:113" ht="13.5" customHeight="1" x14ac:dyDescent="0.15">
      <c r="B51" s="205" t="s">
        <v>111</v>
      </c>
      <c r="C51" s="109"/>
      <c r="D51" s="109"/>
      <c r="E51" s="109"/>
      <c r="F51" s="109"/>
      <c r="G51" s="109"/>
      <c r="H51" s="109"/>
      <c r="I51" s="109"/>
      <c r="J51" s="109"/>
      <c r="K51" s="109"/>
      <c r="L51" s="110"/>
      <c r="M51" s="132">
        <v>553538112</v>
      </c>
      <c r="N51" s="133"/>
      <c r="O51" s="133"/>
      <c r="P51" s="133"/>
      <c r="Q51" s="133"/>
      <c r="R51" s="133"/>
      <c r="S51" s="133"/>
      <c r="T51" s="133"/>
      <c r="U51" s="113">
        <v>31.5</v>
      </c>
      <c r="V51" s="113"/>
      <c r="W51" s="113"/>
      <c r="X51" s="113"/>
      <c r="Y51" s="133">
        <v>164172471</v>
      </c>
      <c r="Z51" s="133"/>
      <c r="AA51" s="133"/>
      <c r="AB51" s="133"/>
      <c r="AC51" s="133"/>
      <c r="AD51" s="133"/>
      <c r="AE51" s="133"/>
      <c r="AF51" s="133"/>
      <c r="AG51" s="133">
        <v>164172471</v>
      </c>
      <c r="AH51" s="133"/>
      <c r="AI51" s="133"/>
      <c r="AJ51" s="133"/>
      <c r="AK51" s="133"/>
      <c r="AL51" s="133"/>
      <c r="AM51" s="133"/>
      <c r="AN51" s="133"/>
      <c r="AO51" s="133"/>
      <c r="AP51" s="133"/>
      <c r="AQ51" s="113">
        <v>18.3</v>
      </c>
      <c r="AR51" s="113"/>
      <c r="AS51" s="113"/>
      <c r="AT51" s="113"/>
      <c r="AU51" s="113"/>
      <c r="AV51" s="222"/>
      <c r="AW51" s="131" t="s">
        <v>110</v>
      </c>
      <c r="AX51" s="109"/>
      <c r="AY51" s="109"/>
      <c r="AZ51" s="109"/>
      <c r="BA51" s="109"/>
      <c r="BB51" s="109"/>
      <c r="BC51" s="109"/>
      <c r="BD51" s="109"/>
      <c r="BE51" s="110"/>
      <c r="BF51" s="132">
        <v>77697256</v>
      </c>
      <c r="BG51" s="133"/>
      <c r="BH51" s="133"/>
      <c r="BI51" s="133"/>
      <c r="BJ51" s="133"/>
      <c r="BK51" s="133"/>
      <c r="BL51" s="133"/>
      <c r="BM51" s="113">
        <v>4.4000000000000004</v>
      </c>
      <c r="BN51" s="113"/>
      <c r="BO51" s="113"/>
      <c r="BP51" s="113"/>
      <c r="BQ51" s="133">
        <v>4069857</v>
      </c>
      <c r="BR51" s="133"/>
      <c r="BS51" s="133"/>
      <c r="BT51" s="133"/>
      <c r="BU51" s="133"/>
      <c r="BV51" s="133"/>
      <c r="BW51" s="133"/>
      <c r="BX51" s="133"/>
      <c r="BY51" s="133"/>
      <c r="BZ51" s="133">
        <v>64075182</v>
      </c>
      <c r="CA51" s="133"/>
      <c r="CB51" s="133"/>
      <c r="CC51" s="133"/>
      <c r="CD51" s="133"/>
      <c r="CE51" s="133"/>
      <c r="CF51" s="131" t="s">
        <v>109</v>
      </c>
      <c r="CG51" s="286"/>
      <c r="CH51" s="286"/>
      <c r="CI51" s="286"/>
      <c r="CJ51" s="286"/>
      <c r="CK51" s="286"/>
      <c r="CL51" s="286"/>
      <c r="CM51" s="286"/>
      <c r="CN51" s="286"/>
      <c r="CO51" s="286"/>
      <c r="CP51" s="286"/>
      <c r="CQ51" s="286"/>
      <c r="CR51" s="287"/>
      <c r="CS51" s="132">
        <v>851858003</v>
      </c>
      <c r="CT51" s="175"/>
      <c r="CU51" s="175"/>
      <c r="CV51" s="175"/>
      <c r="CW51" s="175"/>
      <c r="CX51" s="175"/>
      <c r="CY51" s="175"/>
      <c r="CZ51" s="199"/>
      <c r="DA51" s="132">
        <v>848686770</v>
      </c>
      <c r="DB51" s="175"/>
      <c r="DC51" s="175"/>
      <c r="DD51" s="175"/>
      <c r="DE51" s="175"/>
      <c r="DF51" s="175"/>
      <c r="DG51" s="175"/>
      <c r="DH51" s="176"/>
      <c r="DI51" s="5"/>
    </row>
    <row r="52" spans="2:113" ht="13.5" customHeight="1" x14ac:dyDescent="0.15">
      <c r="B52" s="205" t="s">
        <v>76</v>
      </c>
      <c r="C52" s="109"/>
      <c r="D52" s="109"/>
      <c r="E52" s="109"/>
      <c r="F52" s="109"/>
      <c r="G52" s="109"/>
      <c r="H52" s="109"/>
      <c r="I52" s="109"/>
      <c r="J52" s="109"/>
      <c r="K52" s="109"/>
      <c r="L52" s="110"/>
      <c r="M52" s="132">
        <v>292270879</v>
      </c>
      <c r="N52" s="133"/>
      <c r="O52" s="133"/>
      <c r="P52" s="133"/>
      <c r="Q52" s="133"/>
      <c r="R52" s="133"/>
      <c r="S52" s="133"/>
      <c r="T52" s="133"/>
      <c r="U52" s="113">
        <v>16.600000000000001</v>
      </c>
      <c r="V52" s="113"/>
      <c r="W52" s="113"/>
      <c r="X52" s="113"/>
      <c r="Y52" s="133">
        <v>223183153</v>
      </c>
      <c r="Z52" s="133"/>
      <c r="AA52" s="133"/>
      <c r="AB52" s="133"/>
      <c r="AC52" s="133"/>
      <c r="AD52" s="133"/>
      <c r="AE52" s="133"/>
      <c r="AF52" s="133"/>
      <c r="AG52" s="142">
        <v>211590950</v>
      </c>
      <c r="AH52" s="142"/>
      <c r="AI52" s="142"/>
      <c r="AJ52" s="142"/>
      <c r="AK52" s="142"/>
      <c r="AL52" s="142"/>
      <c r="AM52" s="142"/>
      <c r="AN52" s="142"/>
      <c r="AO52" s="142"/>
      <c r="AP52" s="142"/>
      <c r="AQ52" s="113">
        <v>23.6</v>
      </c>
      <c r="AR52" s="113"/>
      <c r="AS52" s="113"/>
      <c r="AT52" s="113"/>
      <c r="AU52" s="113"/>
      <c r="AV52" s="222"/>
      <c r="AW52" s="131" t="s">
        <v>108</v>
      </c>
      <c r="AX52" s="109"/>
      <c r="AY52" s="109"/>
      <c r="AZ52" s="109"/>
      <c r="BA52" s="109"/>
      <c r="BB52" s="109"/>
      <c r="BC52" s="109"/>
      <c r="BD52" s="109"/>
      <c r="BE52" s="110"/>
      <c r="BF52" s="132">
        <v>725557200</v>
      </c>
      <c r="BG52" s="133"/>
      <c r="BH52" s="133"/>
      <c r="BI52" s="133"/>
      <c r="BJ52" s="133"/>
      <c r="BK52" s="133"/>
      <c r="BL52" s="133"/>
      <c r="BM52" s="113">
        <v>41.3</v>
      </c>
      <c r="BN52" s="113"/>
      <c r="BO52" s="113"/>
      <c r="BP52" s="113"/>
      <c r="BQ52" s="133">
        <v>9331460</v>
      </c>
      <c r="BR52" s="133"/>
      <c r="BS52" s="133"/>
      <c r="BT52" s="133"/>
      <c r="BU52" s="133"/>
      <c r="BV52" s="133"/>
      <c r="BW52" s="133"/>
      <c r="BX52" s="133"/>
      <c r="BY52" s="133"/>
      <c r="BZ52" s="133">
        <v>298811642</v>
      </c>
      <c r="CA52" s="133"/>
      <c r="CB52" s="133"/>
      <c r="CC52" s="133"/>
      <c r="CD52" s="133"/>
      <c r="CE52" s="133"/>
      <c r="CF52" s="131" t="s">
        <v>107</v>
      </c>
      <c r="CG52" s="286"/>
      <c r="CH52" s="286"/>
      <c r="CI52" s="286"/>
      <c r="CJ52" s="286"/>
      <c r="CK52" s="286"/>
      <c r="CL52" s="286"/>
      <c r="CM52" s="286"/>
      <c r="CN52" s="286"/>
      <c r="CO52" s="286"/>
      <c r="CP52" s="286"/>
      <c r="CQ52" s="286"/>
      <c r="CR52" s="287"/>
      <c r="CS52" s="260">
        <v>0.93</v>
      </c>
      <c r="CT52" s="261"/>
      <c r="CU52" s="261"/>
      <c r="CV52" s="261"/>
      <c r="CW52" s="261"/>
      <c r="CX52" s="261"/>
      <c r="CY52" s="261"/>
      <c r="CZ52" s="262"/>
      <c r="DA52" s="260">
        <v>0.93</v>
      </c>
      <c r="DB52" s="261"/>
      <c r="DC52" s="261"/>
      <c r="DD52" s="261"/>
      <c r="DE52" s="261"/>
      <c r="DF52" s="261"/>
      <c r="DG52" s="261"/>
      <c r="DH52" s="263"/>
      <c r="DI52" s="5"/>
    </row>
    <row r="53" spans="2:113" ht="13.5" customHeight="1" x14ac:dyDescent="0.15">
      <c r="B53" s="271" t="s">
        <v>106</v>
      </c>
      <c r="C53" s="273" t="s">
        <v>105</v>
      </c>
      <c r="D53" s="274"/>
      <c r="E53" s="274"/>
      <c r="F53" s="274"/>
      <c r="G53" s="274"/>
      <c r="H53" s="274"/>
      <c r="I53" s="275" t="s">
        <v>25</v>
      </c>
      <c r="J53" s="277" t="s">
        <v>104</v>
      </c>
      <c r="K53" s="277"/>
      <c r="L53" s="278"/>
      <c r="M53" s="203">
        <v>267119686</v>
      </c>
      <c r="N53" s="157"/>
      <c r="O53" s="157"/>
      <c r="P53" s="157"/>
      <c r="Q53" s="157"/>
      <c r="R53" s="157"/>
      <c r="S53" s="157"/>
      <c r="T53" s="157"/>
      <c r="U53" s="204">
        <v>15.2</v>
      </c>
      <c r="V53" s="204"/>
      <c r="W53" s="204"/>
      <c r="X53" s="204"/>
      <c r="Y53" s="157">
        <v>198071040</v>
      </c>
      <c r="Z53" s="157"/>
      <c r="AA53" s="157"/>
      <c r="AB53" s="157"/>
      <c r="AC53" s="157"/>
      <c r="AD53" s="157"/>
      <c r="AE53" s="157"/>
      <c r="AF53" s="157"/>
      <c r="AG53" s="157">
        <v>186478837</v>
      </c>
      <c r="AH53" s="157"/>
      <c r="AI53" s="157"/>
      <c r="AJ53" s="157"/>
      <c r="AK53" s="157"/>
      <c r="AL53" s="157"/>
      <c r="AM53" s="157"/>
      <c r="AN53" s="157"/>
      <c r="AO53" s="157"/>
      <c r="AP53" s="157"/>
      <c r="AQ53" s="204">
        <v>20.8</v>
      </c>
      <c r="AR53" s="204"/>
      <c r="AS53" s="204"/>
      <c r="AT53" s="204"/>
      <c r="AU53" s="204"/>
      <c r="AV53" s="279"/>
      <c r="AW53" s="131" t="s">
        <v>103</v>
      </c>
      <c r="AX53" s="109"/>
      <c r="AY53" s="109"/>
      <c r="AZ53" s="109"/>
      <c r="BA53" s="109"/>
      <c r="BB53" s="109"/>
      <c r="BC53" s="109"/>
      <c r="BD53" s="109"/>
      <c r="BE53" s="110"/>
      <c r="BF53" s="132">
        <v>82328159</v>
      </c>
      <c r="BG53" s="133"/>
      <c r="BH53" s="133"/>
      <c r="BI53" s="133"/>
      <c r="BJ53" s="133"/>
      <c r="BK53" s="133"/>
      <c r="BL53" s="133"/>
      <c r="BM53" s="113">
        <v>4.7</v>
      </c>
      <c r="BN53" s="113"/>
      <c r="BO53" s="113"/>
      <c r="BP53" s="113"/>
      <c r="BQ53" s="133">
        <v>1806318</v>
      </c>
      <c r="BR53" s="133"/>
      <c r="BS53" s="133"/>
      <c r="BT53" s="133"/>
      <c r="BU53" s="133"/>
      <c r="BV53" s="133"/>
      <c r="BW53" s="133"/>
      <c r="BX53" s="133"/>
      <c r="BY53" s="133"/>
      <c r="BZ53" s="133">
        <v>61286372</v>
      </c>
      <c r="CA53" s="133"/>
      <c r="CB53" s="133"/>
      <c r="CC53" s="133"/>
      <c r="CD53" s="133"/>
      <c r="CE53" s="133"/>
      <c r="CF53" s="131" t="s">
        <v>102</v>
      </c>
      <c r="CG53" s="259"/>
      <c r="CH53" s="259"/>
      <c r="CI53" s="259"/>
      <c r="CJ53" s="259"/>
      <c r="CK53" s="259"/>
      <c r="CL53" s="259"/>
      <c r="CM53" s="259"/>
      <c r="CN53" s="259"/>
      <c r="CO53" s="259"/>
      <c r="CP53" s="259"/>
      <c r="CQ53" s="239" t="s">
        <v>9</v>
      </c>
      <c r="CR53" s="240"/>
      <c r="CS53" s="111">
        <v>0.1</v>
      </c>
      <c r="CT53" s="129"/>
      <c r="CU53" s="129"/>
      <c r="CV53" s="129"/>
      <c r="CW53" s="129"/>
      <c r="CX53" s="129"/>
      <c r="CY53" s="129"/>
      <c r="CZ53" s="241"/>
      <c r="DA53" s="111">
        <v>0</v>
      </c>
      <c r="DB53" s="129"/>
      <c r="DC53" s="129"/>
      <c r="DD53" s="129"/>
      <c r="DE53" s="129"/>
      <c r="DF53" s="129"/>
      <c r="DG53" s="129"/>
      <c r="DH53" s="242"/>
      <c r="DI53" s="5"/>
    </row>
    <row r="54" spans="2:113" ht="13.5" customHeight="1" x14ac:dyDescent="0.15">
      <c r="B54" s="166"/>
      <c r="C54" s="233"/>
      <c r="D54" s="234"/>
      <c r="E54" s="234"/>
      <c r="F54" s="234"/>
      <c r="G54" s="234"/>
      <c r="H54" s="234"/>
      <c r="I54" s="276"/>
      <c r="J54" s="280" t="s">
        <v>101</v>
      </c>
      <c r="K54" s="280"/>
      <c r="L54" s="281"/>
      <c r="M54" s="132">
        <v>25150651</v>
      </c>
      <c r="N54" s="133"/>
      <c r="O54" s="133"/>
      <c r="P54" s="133"/>
      <c r="Q54" s="133"/>
      <c r="R54" s="133"/>
      <c r="S54" s="133"/>
      <c r="T54" s="133"/>
      <c r="U54" s="113">
        <v>1.4</v>
      </c>
      <c r="V54" s="113"/>
      <c r="W54" s="113"/>
      <c r="X54" s="113"/>
      <c r="Y54" s="133">
        <v>25111571</v>
      </c>
      <c r="Z54" s="133"/>
      <c r="AA54" s="133"/>
      <c r="AB54" s="133"/>
      <c r="AC54" s="133"/>
      <c r="AD54" s="133"/>
      <c r="AE54" s="133"/>
      <c r="AF54" s="133"/>
      <c r="AG54" s="133">
        <v>25111571</v>
      </c>
      <c r="AH54" s="133"/>
      <c r="AI54" s="133"/>
      <c r="AJ54" s="133"/>
      <c r="AK54" s="133"/>
      <c r="AL54" s="133"/>
      <c r="AM54" s="133"/>
      <c r="AN54" s="133"/>
      <c r="AO54" s="133"/>
      <c r="AP54" s="133"/>
      <c r="AQ54" s="113">
        <v>2.8</v>
      </c>
      <c r="AR54" s="113"/>
      <c r="AS54" s="113"/>
      <c r="AT54" s="113"/>
      <c r="AU54" s="113"/>
      <c r="AV54" s="222"/>
      <c r="AW54" s="131" t="s">
        <v>100</v>
      </c>
      <c r="AX54" s="109"/>
      <c r="AY54" s="109"/>
      <c r="AZ54" s="109"/>
      <c r="BA54" s="109"/>
      <c r="BB54" s="109"/>
      <c r="BC54" s="109"/>
      <c r="BD54" s="109"/>
      <c r="BE54" s="110"/>
      <c r="BF54" s="132">
        <v>245968</v>
      </c>
      <c r="BG54" s="133"/>
      <c r="BH54" s="133"/>
      <c r="BI54" s="133"/>
      <c r="BJ54" s="133"/>
      <c r="BK54" s="133"/>
      <c r="BL54" s="133"/>
      <c r="BM54" s="113">
        <v>0</v>
      </c>
      <c r="BN54" s="113"/>
      <c r="BO54" s="113"/>
      <c r="BP54" s="113"/>
      <c r="BQ54" s="133" t="s">
        <v>75</v>
      </c>
      <c r="BR54" s="133"/>
      <c r="BS54" s="133"/>
      <c r="BT54" s="133"/>
      <c r="BU54" s="133"/>
      <c r="BV54" s="133"/>
      <c r="BW54" s="133"/>
      <c r="BX54" s="133"/>
      <c r="BY54" s="133"/>
      <c r="BZ54" s="133">
        <v>196043</v>
      </c>
      <c r="CA54" s="133"/>
      <c r="CB54" s="133"/>
      <c r="CC54" s="133"/>
      <c r="CD54" s="133"/>
      <c r="CE54" s="133"/>
      <c r="CF54" s="196" t="s">
        <v>99</v>
      </c>
      <c r="CG54" s="243"/>
      <c r="CH54" s="243"/>
      <c r="CI54" s="243"/>
      <c r="CJ54" s="243"/>
      <c r="CK54" s="243"/>
      <c r="CL54" s="243"/>
      <c r="CM54" s="243"/>
      <c r="CN54" s="243"/>
      <c r="CO54" s="243"/>
      <c r="CP54" s="243"/>
      <c r="CQ54" s="244" t="s">
        <v>9</v>
      </c>
      <c r="CR54" s="245"/>
      <c r="CS54" s="111">
        <v>22.1</v>
      </c>
      <c r="CT54" s="129"/>
      <c r="CU54" s="129"/>
      <c r="CV54" s="129"/>
      <c r="CW54" s="129"/>
      <c r="CX54" s="129"/>
      <c r="CY54" s="129"/>
      <c r="CZ54" s="241"/>
      <c r="DA54" s="111">
        <v>23.1</v>
      </c>
      <c r="DB54" s="129"/>
      <c r="DC54" s="129"/>
      <c r="DD54" s="129"/>
      <c r="DE54" s="129"/>
      <c r="DF54" s="129"/>
      <c r="DG54" s="129"/>
      <c r="DH54" s="242"/>
      <c r="DI54" s="5"/>
    </row>
    <row r="55" spans="2:113" ht="13.5" customHeight="1" x14ac:dyDescent="0.15">
      <c r="B55" s="272"/>
      <c r="C55" s="282" t="s">
        <v>98</v>
      </c>
      <c r="D55" s="283"/>
      <c r="E55" s="283"/>
      <c r="F55" s="283"/>
      <c r="G55" s="283"/>
      <c r="H55" s="283"/>
      <c r="I55" s="283"/>
      <c r="J55" s="283"/>
      <c r="K55" s="283"/>
      <c r="L55" s="284"/>
      <c r="M55" s="141">
        <v>542</v>
      </c>
      <c r="N55" s="142"/>
      <c r="O55" s="142"/>
      <c r="P55" s="142"/>
      <c r="Q55" s="142"/>
      <c r="R55" s="142"/>
      <c r="S55" s="142"/>
      <c r="T55" s="142"/>
      <c r="U55" s="143">
        <v>0</v>
      </c>
      <c r="V55" s="143"/>
      <c r="W55" s="143"/>
      <c r="X55" s="143"/>
      <c r="Y55" s="142">
        <v>542</v>
      </c>
      <c r="Z55" s="142"/>
      <c r="AA55" s="142"/>
      <c r="AB55" s="142"/>
      <c r="AC55" s="142"/>
      <c r="AD55" s="142"/>
      <c r="AE55" s="142"/>
      <c r="AF55" s="142"/>
      <c r="AG55" s="142">
        <v>542</v>
      </c>
      <c r="AH55" s="142"/>
      <c r="AI55" s="142"/>
      <c r="AJ55" s="142"/>
      <c r="AK55" s="142"/>
      <c r="AL55" s="142"/>
      <c r="AM55" s="142"/>
      <c r="AN55" s="142"/>
      <c r="AO55" s="142"/>
      <c r="AP55" s="142"/>
      <c r="AQ55" s="143">
        <v>0</v>
      </c>
      <c r="AR55" s="143"/>
      <c r="AS55" s="143"/>
      <c r="AT55" s="143"/>
      <c r="AU55" s="143"/>
      <c r="AV55" s="285"/>
      <c r="AW55" s="131" t="s">
        <v>97</v>
      </c>
      <c r="AX55" s="109"/>
      <c r="AY55" s="109"/>
      <c r="AZ55" s="109"/>
      <c r="BA55" s="109"/>
      <c r="BB55" s="109"/>
      <c r="BC55" s="109"/>
      <c r="BD55" s="109"/>
      <c r="BE55" s="110"/>
      <c r="BF55" s="132">
        <v>99158</v>
      </c>
      <c r="BG55" s="133"/>
      <c r="BH55" s="133"/>
      <c r="BI55" s="133"/>
      <c r="BJ55" s="133"/>
      <c r="BK55" s="133"/>
      <c r="BL55" s="133"/>
      <c r="BM55" s="113">
        <v>0</v>
      </c>
      <c r="BN55" s="113"/>
      <c r="BO55" s="113"/>
      <c r="BP55" s="113"/>
      <c r="BQ55" s="133" t="s">
        <v>15</v>
      </c>
      <c r="BR55" s="133"/>
      <c r="BS55" s="133"/>
      <c r="BT55" s="133"/>
      <c r="BU55" s="133"/>
      <c r="BV55" s="133"/>
      <c r="BW55" s="133"/>
      <c r="BX55" s="133"/>
      <c r="BY55" s="133"/>
      <c r="BZ55" s="133">
        <v>20177</v>
      </c>
      <c r="CA55" s="133"/>
      <c r="CB55" s="133"/>
      <c r="CC55" s="133"/>
      <c r="CD55" s="133"/>
      <c r="CE55" s="133"/>
      <c r="CF55" s="264" t="s">
        <v>96</v>
      </c>
      <c r="CG55" s="265"/>
      <c r="CH55" s="159" t="s">
        <v>95</v>
      </c>
      <c r="CI55" s="270"/>
      <c r="CJ55" s="270"/>
      <c r="CK55" s="270"/>
      <c r="CL55" s="270"/>
      <c r="CM55" s="270"/>
      <c r="CN55" s="270"/>
      <c r="CO55" s="270"/>
      <c r="CP55" s="270"/>
      <c r="CQ55" s="250" t="s">
        <v>9</v>
      </c>
      <c r="CR55" s="251"/>
      <c r="CS55" s="252" t="s">
        <v>63</v>
      </c>
      <c r="CT55" s="253"/>
      <c r="CU55" s="253"/>
      <c r="CV55" s="253"/>
      <c r="CW55" s="253"/>
      <c r="CX55" s="253"/>
      <c r="CY55" s="253"/>
      <c r="CZ55" s="254"/>
      <c r="DA55" s="252" t="s">
        <v>15</v>
      </c>
      <c r="DB55" s="253"/>
      <c r="DC55" s="253"/>
      <c r="DD55" s="253"/>
      <c r="DE55" s="253"/>
      <c r="DF55" s="253"/>
      <c r="DG55" s="253"/>
      <c r="DH55" s="255"/>
      <c r="DI55" s="5"/>
    </row>
    <row r="56" spans="2:113" ht="13.5" customHeight="1" x14ac:dyDescent="0.15">
      <c r="B56" s="205" t="s">
        <v>94</v>
      </c>
      <c r="C56" s="109"/>
      <c r="D56" s="109"/>
      <c r="E56" s="109"/>
      <c r="F56" s="109"/>
      <c r="G56" s="109"/>
      <c r="H56" s="109"/>
      <c r="I56" s="109"/>
      <c r="J56" s="109"/>
      <c r="K56" s="109"/>
      <c r="L56" s="110"/>
      <c r="M56" s="132">
        <v>1147879683</v>
      </c>
      <c r="N56" s="133"/>
      <c r="O56" s="133"/>
      <c r="P56" s="133"/>
      <c r="Q56" s="133"/>
      <c r="R56" s="133"/>
      <c r="S56" s="133"/>
      <c r="T56" s="133"/>
      <c r="U56" s="113">
        <v>65.3</v>
      </c>
      <c r="V56" s="113"/>
      <c r="W56" s="113"/>
      <c r="X56" s="113"/>
      <c r="Y56" s="133">
        <v>642537059</v>
      </c>
      <c r="Z56" s="133"/>
      <c r="AA56" s="133"/>
      <c r="AB56" s="133"/>
      <c r="AC56" s="133"/>
      <c r="AD56" s="133"/>
      <c r="AE56" s="133"/>
      <c r="AF56" s="133"/>
      <c r="AG56" s="157">
        <v>630818158</v>
      </c>
      <c r="AH56" s="157"/>
      <c r="AI56" s="157"/>
      <c r="AJ56" s="157"/>
      <c r="AK56" s="157"/>
      <c r="AL56" s="157"/>
      <c r="AM56" s="157"/>
      <c r="AN56" s="157"/>
      <c r="AO56" s="157"/>
      <c r="AP56" s="157"/>
      <c r="AQ56" s="113">
        <v>70.3</v>
      </c>
      <c r="AR56" s="113"/>
      <c r="AS56" s="113"/>
      <c r="AT56" s="113"/>
      <c r="AU56" s="113"/>
      <c r="AV56" s="222"/>
      <c r="AW56" s="256" t="s">
        <v>93</v>
      </c>
      <c r="AX56" s="257"/>
      <c r="AY56" s="257"/>
      <c r="AZ56" s="257"/>
      <c r="BA56" s="257"/>
      <c r="BB56" s="257"/>
      <c r="BC56" s="257"/>
      <c r="BD56" s="257"/>
      <c r="BE56" s="258"/>
      <c r="BF56" s="132">
        <v>86966977</v>
      </c>
      <c r="BG56" s="133"/>
      <c r="BH56" s="133"/>
      <c r="BI56" s="133"/>
      <c r="BJ56" s="133"/>
      <c r="BK56" s="133"/>
      <c r="BL56" s="133"/>
      <c r="BM56" s="113">
        <v>4.9000000000000004</v>
      </c>
      <c r="BN56" s="113"/>
      <c r="BO56" s="113"/>
      <c r="BP56" s="113"/>
      <c r="BQ56" s="133">
        <v>28857</v>
      </c>
      <c r="BR56" s="133"/>
      <c r="BS56" s="133"/>
      <c r="BT56" s="133"/>
      <c r="BU56" s="133"/>
      <c r="BV56" s="133"/>
      <c r="BW56" s="133"/>
      <c r="BX56" s="133"/>
      <c r="BY56" s="133"/>
      <c r="BZ56" s="133">
        <v>8517263</v>
      </c>
      <c r="CA56" s="133"/>
      <c r="CB56" s="133"/>
      <c r="CC56" s="133"/>
      <c r="CD56" s="133"/>
      <c r="CE56" s="133"/>
      <c r="CF56" s="266"/>
      <c r="CG56" s="267"/>
      <c r="CH56" s="131" t="s">
        <v>92</v>
      </c>
      <c r="CI56" s="259"/>
      <c r="CJ56" s="259"/>
      <c r="CK56" s="259"/>
      <c r="CL56" s="259"/>
      <c r="CM56" s="259"/>
      <c r="CN56" s="259"/>
      <c r="CO56" s="259"/>
      <c r="CP56" s="259"/>
      <c r="CQ56" s="239" t="s">
        <v>9</v>
      </c>
      <c r="CR56" s="240"/>
      <c r="CS56" s="260" t="s">
        <v>75</v>
      </c>
      <c r="CT56" s="261"/>
      <c r="CU56" s="261"/>
      <c r="CV56" s="261"/>
      <c r="CW56" s="261"/>
      <c r="CX56" s="261"/>
      <c r="CY56" s="261"/>
      <c r="CZ56" s="262"/>
      <c r="DA56" s="260" t="s">
        <v>91</v>
      </c>
      <c r="DB56" s="261"/>
      <c r="DC56" s="261"/>
      <c r="DD56" s="261"/>
      <c r="DE56" s="261"/>
      <c r="DF56" s="261"/>
      <c r="DG56" s="261"/>
      <c r="DH56" s="263"/>
      <c r="DI56" s="5"/>
    </row>
    <row r="57" spans="2:113" ht="13.5" customHeight="1" x14ac:dyDescent="0.15">
      <c r="B57" s="205" t="s">
        <v>90</v>
      </c>
      <c r="C57" s="109"/>
      <c r="D57" s="109"/>
      <c r="E57" s="109"/>
      <c r="F57" s="109"/>
      <c r="G57" s="109"/>
      <c r="H57" s="109"/>
      <c r="I57" s="109"/>
      <c r="J57" s="109"/>
      <c r="K57" s="109"/>
      <c r="L57" s="110"/>
      <c r="M57" s="132">
        <v>112600300</v>
      </c>
      <c r="N57" s="133"/>
      <c r="O57" s="133"/>
      <c r="P57" s="133"/>
      <c r="Q57" s="133"/>
      <c r="R57" s="133"/>
      <c r="S57" s="133"/>
      <c r="T57" s="133"/>
      <c r="U57" s="113">
        <v>6.4</v>
      </c>
      <c r="V57" s="113"/>
      <c r="W57" s="113"/>
      <c r="X57" s="113"/>
      <c r="Y57" s="133">
        <v>74113308</v>
      </c>
      <c r="Z57" s="133"/>
      <c r="AA57" s="133"/>
      <c r="AB57" s="133"/>
      <c r="AC57" s="133"/>
      <c r="AD57" s="133"/>
      <c r="AE57" s="133"/>
      <c r="AF57" s="133"/>
      <c r="AG57" s="133">
        <v>71431318</v>
      </c>
      <c r="AH57" s="133"/>
      <c r="AI57" s="133"/>
      <c r="AJ57" s="133"/>
      <c r="AK57" s="133"/>
      <c r="AL57" s="133"/>
      <c r="AM57" s="133"/>
      <c r="AN57" s="133"/>
      <c r="AO57" s="133"/>
      <c r="AP57" s="133"/>
      <c r="AQ57" s="113">
        <v>8</v>
      </c>
      <c r="AR57" s="113"/>
      <c r="AS57" s="113"/>
      <c r="AT57" s="113"/>
      <c r="AU57" s="113"/>
      <c r="AV57" s="222"/>
      <c r="AW57" s="131" t="s">
        <v>89</v>
      </c>
      <c r="AX57" s="109"/>
      <c r="AY57" s="109"/>
      <c r="AZ57" s="109"/>
      <c r="BA57" s="109"/>
      <c r="BB57" s="109"/>
      <c r="BC57" s="109"/>
      <c r="BD57" s="109"/>
      <c r="BE57" s="110"/>
      <c r="BF57" s="132">
        <v>193983263</v>
      </c>
      <c r="BG57" s="133"/>
      <c r="BH57" s="133"/>
      <c r="BI57" s="133"/>
      <c r="BJ57" s="133"/>
      <c r="BK57" s="133"/>
      <c r="BL57" s="133"/>
      <c r="BM57" s="113">
        <v>11</v>
      </c>
      <c r="BN57" s="113"/>
      <c r="BO57" s="113"/>
      <c r="BP57" s="113"/>
      <c r="BQ57" s="133">
        <v>78860227</v>
      </c>
      <c r="BR57" s="133"/>
      <c r="BS57" s="133"/>
      <c r="BT57" s="133"/>
      <c r="BU57" s="133"/>
      <c r="BV57" s="133"/>
      <c r="BW57" s="133"/>
      <c r="BX57" s="133"/>
      <c r="BY57" s="133"/>
      <c r="BZ57" s="133">
        <v>113377092</v>
      </c>
      <c r="CA57" s="133"/>
      <c r="CB57" s="133"/>
      <c r="CC57" s="133"/>
      <c r="CD57" s="133"/>
      <c r="CE57" s="133"/>
      <c r="CF57" s="266"/>
      <c r="CG57" s="267"/>
      <c r="CH57" s="131" t="s">
        <v>88</v>
      </c>
      <c r="CI57" s="259"/>
      <c r="CJ57" s="259"/>
      <c r="CK57" s="259"/>
      <c r="CL57" s="259"/>
      <c r="CM57" s="259"/>
      <c r="CN57" s="259"/>
      <c r="CO57" s="259"/>
      <c r="CP57" s="259"/>
      <c r="CQ57" s="239" t="s">
        <v>9</v>
      </c>
      <c r="CR57" s="240"/>
      <c r="CS57" s="111">
        <v>4.2</v>
      </c>
      <c r="CT57" s="129"/>
      <c r="CU57" s="129"/>
      <c r="CV57" s="129"/>
      <c r="CW57" s="129"/>
      <c r="CX57" s="129"/>
      <c r="CY57" s="129"/>
      <c r="CZ57" s="241"/>
      <c r="DA57" s="111">
        <v>5.7</v>
      </c>
      <c r="DB57" s="129"/>
      <c r="DC57" s="129"/>
      <c r="DD57" s="129"/>
      <c r="DE57" s="129"/>
      <c r="DF57" s="129"/>
      <c r="DG57" s="129"/>
      <c r="DH57" s="242"/>
    </row>
    <row r="58" spans="2:113" ht="13.5" customHeight="1" x14ac:dyDescent="0.15">
      <c r="B58" s="205" t="s">
        <v>87</v>
      </c>
      <c r="C58" s="109"/>
      <c r="D58" s="109"/>
      <c r="E58" s="109"/>
      <c r="F58" s="109"/>
      <c r="G58" s="109"/>
      <c r="H58" s="109"/>
      <c r="I58" s="109"/>
      <c r="J58" s="109"/>
      <c r="K58" s="109"/>
      <c r="L58" s="110"/>
      <c r="M58" s="132">
        <v>18097179</v>
      </c>
      <c r="N58" s="133"/>
      <c r="O58" s="133"/>
      <c r="P58" s="133"/>
      <c r="Q58" s="133"/>
      <c r="R58" s="133"/>
      <c r="S58" s="133"/>
      <c r="T58" s="133"/>
      <c r="U58" s="113">
        <v>1</v>
      </c>
      <c r="V58" s="113"/>
      <c r="W58" s="113"/>
      <c r="X58" s="113"/>
      <c r="Y58" s="133">
        <v>13479583</v>
      </c>
      <c r="Z58" s="133"/>
      <c r="AA58" s="133"/>
      <c r="AB58" s="133"/>
      <c r="AC58" s="133"/>
      <c r="AD58" s="133"/>
      <c r="AE58" s="133"/>
      <c r="AF58" s="133"/>
      <c r="AG58" s="133">
        <v>13479434</v>
      </c>
      <c r="AH58" s="133"/>
      <c r="AI58" s="133"/>
      <c r="AJ58" s="133"/>
      <c r="AK58" s="133"/>
      <c r="AL58" s="133"/>
      <c r="AM58" s="133"/>
      <c r="AN58" s="133"/>
      <c r="AO58" s="133"/>
      <c r="AP58" s="133"/>
      <c r="AQ58" s="113">
        <v>1.5</v>
      </c>
      <c r="AR58" s="113"/>
      <c r="AS58" s="113"/>
      <c r="AT58" s="113"/>
      <c r="AU58" s="113"/>
      <c r="AV58" s="222"/>
      <c r="AW58" s="131" t="s">
        <v>86</v>
      </c>
      <c r="AX58" s="109"/>
      <c r="AY58" s="109"/>
      <c r="AZ58" s="109"/>
      <c r="BA58" s="109"/>
      <c r="BB58" s="109"/>
      <c r="BC58" s="109"/>
      <c r="BD58" s="109"/>
      <c r="BE58" s="110"/>
      <c r="BF58" s="132">
        <v>37126377</v>
      </c>
      <c r="BG58" s="133"/>
      <c r="BH58" s="133"/>
      <c r="BI58" s="133"/>
      <c r="BJ58" s="133"/>
      <c r="BK58" s="133"/>
      <c r="BL58" s="133"/>
      <c r="BM58" s="113">
        <v>2.1</v>
      </c>
      <c r="BN58" s="113"/>
      <c r="BO58" s="113"/>
      <c r="BP58" s="113"/>
      <c r="BQ58" s="133">
        <v>2549032</v>
      </c>
      <c r="BR58" s="133"/>
      <c r="BS58" s="133"/>
      <c r="BT58" s="133"/>
      <c r="BU58" s="133"/>
      <c r="BV58" s="133"/>
      <c r="BW58" s="133"/>
      <c r="BX58" s="133"/>
      <c r="BY58" s="133"/>
      <c r="BZ58" s="133">
        <v>35364241</v>
      </c>
      <c r="CA58" s="133"/>
      <c r="CB58" s="133"/>
      <c r="CC58" s="133"/>
      <c r="CD58" s="133"/>
      <c r="CE58" s="133"/>
      <c r="CF58" s="268"/>
      <c r="CG58" s="269"/>
      <c r="CH58" s="196" t="s">
        <v>85</v>
      </c>
      <c r="CI58" s="243"/>
      <c r="CJ58" s="243"/>
      <c r="CK58" s="243"/>
      <c r="CL58" s="243"/>
      <c r="CM58" s="243"/>
      <c r="CN58" s="243"/>
      <c r="CO58" s="243"/>
      <c r="CP58" s="243"/>
      <c r="CQ58" s="244" t="s">
        <v>9</v>
      </c>
      <c r="CR58" s="245"/>
      <c r="CS58" s="246">
        <v>46.4</v>
      </c>
      <c r="CT58" s="247"/>
      <c r="CU58" s="247"/>
      <c r="CV58" s="247"/>
      <c r="CW58" s="247"/>
      <c r="CX58" s="247"/>
      <c r="CY58" s="247"/>
      <c r="CZ58" s="248"/>
      <c r="DA58" s="246">
        <v>65.2</v>
      </c>
      <c r="DB58" s="247"/>
      <c r="DC58" s="247"/>
      <c r="DD58" s="247"/>
      <c r="DE58" s="247"/>
      <c r="DF58" s="247"/>
      <c r="DG58" s="247"/>
      <c r="DH58" s="249"/>
      <c r="DI58" s="5"/>
    </row>
    <row r="59" spans="2:113" ht="13.5" customHeight="1" x14ac:dyDescent="0.15">
      <c r="B59" s="205" t="s">
        <v>84</v>
      </c>
      <c r="C59" s="109"/>
      <c r="D59" s="109"/>
      <c r="E59" s="109"/>
      <c r="F59" s="109"/>
      <c r="G59" s="109"/>
      <c r="H59" s="109"/>
      <c r="I59" s="109"/>
      <c r="J59" s="109"/>
      <c r="K59" s="109"/>
      <c r="L59" s="110"/>
      <c r="M59" s="132">
        <v>123473455</v>
      </c>
      <c r="N59" s="133"/>
      <c r="O59" s="133"/>
      <c r="P59" s="133"/>
      <c r="Q59" s="133"/>
      <c r="R59" s="133"/>
      <c r="S59" s="133"/>
      <c r="T59" s="133"/>
      <c r="U59" s="113">
        <v>7</v>
      </c>
      <c r="V59" s="113"/>
      <c r="W59" s="113"/>
      <c r="X59" s="113"/>
      <c r="Y59" s="133">
        <v>105962976</v>
      </c>
      <c r="Z59" s="133"/>
      <c r="AA59" s="133"/>
      <c r="AB59" s="133"/>
      <c r="AC59" s="133"/>
      <c r="AD59" s="133"/>
      <c r="AE59" s="133"/>
      <c r="AF59" s="133"/>
      <c r="AG59" s="133">
        <v>75829900</v>
      </c>
      <c r="AH59" s="133"/>
      <c r="AI59" s="133"/>
      <c r="AJ59" s="133"/>
      <c r="AK59" s="133"/>
      <c r="AL59" s="133"/>
      <c r="AM59" s="133"/>
      <c r="AN59" s="133"/>
      <c r="AO59" s="133"/>
      <c r="AP59" s="133"/>
      <c r="AQ59" s="113">
        <v>8.5</v>
      </c>
      <c r="AR59" s="113"/>
      <c r="AS59" s="113"/>
      <c r="AT59" s="113"/>
      <c r="AU59" s="113"/>
      <c r="AV59" s="222"/>
      <c r="AW59" s="131" t="s">
        <v>83</v>
      </c>
      <c r="AX59" s="109"/>
      <c r="AY59" s="109"/>
      <c r="AZ59" s="109"/>
      <c r="BA59" s="109"/>
      <c r="BB59" s="109"/>
      <c r="BC59" s="109"/>
      <c r="BD59" s="109"/>
      <c r="BE59" s="110"/>
      <c r="BF59" s="132">
        <v>246310698</v>
      </c>
      <c r="BG59" s="133"/>
      <c r="BH59" s="133"/>
      <c r="BI59" s="133"/>
      <c r="BJ59" s="133"/>
      <c r="BK59" s="133"/>
      <c r="BL59" s="133"/>
      <c r="BM59" s="113">
        <v>14</v>
      </c>
      <c r="BN59" s="113"/>
      <c r="BO59" s="113"/>
      <c r="BP59" s="113"/>
      <c r="BQ59" s="133">
        <v>24782460</v>
      </c>
      <c r="BR59" s="133"/>
      <c r="BS59" s="133"/>
      <c r="BT59" s="133"/>
      <c r="BU59" s="133"/>
      <c r="BV59" s="133"/>
      <c r="BW59" s="133"/>
      <c r="BX59" s="133"/>
      <c r="BY59" s="133"/>
      <c r="BZ59" s="133">
        <v>188538303</v>
      </c>
      <c r="CA59" s="133"/>
      <c r="CB59" s="133"/>
      <c r="CC59" s="133"/>
      <c r="CD59" s="133"/>
      <c r="CE59" s="133"/>
      <c r="CF59" s="230" t="s">
        <v>82</v>
      </c>
      <c r="CG59" s="231"/>
      <c r="CH59" s="231"/>
      <c r="CI59" s="231"/>
      <c r="CJ59" s="232"/>
      <c r="CK59" s="126" t="s">
        <v>81</v>
      </c>
      <c r="CL59" s="126"/>
      <c r="CM59" s="126"/>
      <c r="CN59" s="126"/>
      <c r="CO59" s="126"/>
      <c r="CP59" s="126"/>
      <c r="CQ59" s="126"/>
      <c r="CR59" s="127"/>
      <c r="CS59" s="132">
        <v>160430946</v>
      </c>
      <c r="CT59" s="175"/>
      <c r="CU59" s="175"/>
      <c r="CV59" s="175"/>
      <c r="CW59" s="175"/>
      <c r="CX59" s="175"/>
      <c r="CY59" s="175"/>
      <c r="CZ59" s="199"/>
      <c r="DA59" s="132">
        <v>163020324</v>
      </c>
      <c r="DB59" s="175"/>
      <c r="DC59" s="175"/>
      <c r="DD59" s="175"/>
      <c r="DE59" s="175"/>
      <c r="DF59" s="175"/>
      <c r="DG59" s="175"/>
      <c r="DH59" s="176"/>
      <c r="DI59" s="5"/>
    </row>
    <row r="60" spans="2:113" ht="13.5" customHeight="1" x14ac:dyDescent="0.15">
      <c r="B60" s="22"/>
      <c r="C60" s="109" t="s">
        <v>80</v>
      </c>
      <c r="D60" s="109"/>
      <c r="E60" s="109"/>
      <c r="F60" s="109"/>
      <c r="G60" s="109"/>
      <c r="H60" s="109"/>
      <c r="I60" s="109"/>
      <c r="J60" s="109"/>
      <c r="K60" s="109"/>
      <c r="L60" s="110"/>
      <c r="M60" s="132">
        <v>7400229</v>
      </c>
      <c r="N60" s="133"/>
      <c r="O60" s="133"/>
      <c r="P60" s="133"/>
      <c r="Q60" s="133"/>
      <c r="R60" s="133"/>
      <c r="S60" s="133"/>
      <c r="T60" s="133"/>
      <c r="U60" s="113">
        <v>0.4</v>
      </c>
      <c r="V60" s="113"/>
      <c r="W60" s="113"/>
      <c r="X60" s="113"/>
      <c r="Y60" s="133">
        <v>2202875</v>
      </c>
      <c r="Z60" s="133"/>
      <c r="AA60" s="133"/>
      <c r="AB60" s="133"/>
      <c r="AC60" s="133"/>
      <c r="AD60" s="133"/>
      <c r="AE60" s="133"/>
      <c r="AF60" s="133"/>
      <c r="AG60" s="133">
        <v>2150706</v>
      </c>
      <c r="AH60" s="133"/>
      <c r="AI60" s="133"/>
      <c r="AJ60" s="133"/>
      <c r="AK60" s="133"/>
      <c r="AL60" s="133"/>
      <c r="AM60" s="133"/>
      <c r="AN60" s="133"/>
      <c r="AO60" s="133"/>
      <c r="AP60" s="133"/>
      <c r="AQ60" s="113">
        <v>0.2</v>
      </c>
      <c r="AR60" s="113"/>
      <c r="AS60" s="113"/>
      <c r="AT60" s="113"/>
      <c r="AU60" s="113"/>
      <c r="AV60" s="222"/>
      <c r="AW60" s="131" t="s">
        <v>79</v>
      </c>
      <c r="AX60" s="109"/>
      <c r="AY60" s="109"/>
      <c r="AZ60" s="109"/>
      <c r="BA60" s="109"/>
      <c r="BB60" s="109"/>
      <c r="BC60" s="109"/>
      <c r="BD60" s="109"/>
      <c r="BE60" s="110"/>
      <c r="BF60" s="132">
        <v>3156097</v>
      </c>
      <c r="BG60" s="133"/>
      <c r="BH60" s="133"/>
      <c r="BI60" s="133"/>
      <c r="BJ60" s="133"/>
      <c r="BK60" s="133"/>
      <c r="BL60" s="133"/>
      <c r="BM60" s="113">
        <v>0.2</v>
      </c>
      <c r="BN60" s="113"/>
      <c r="BO60" s="113"/>
      <c r="BP60" s="113"/>
      <c r="BQ60" s="133" t="s">
        <v>72</v>
      </c>
      <c r="BR60" s="133"/>
      <c r="BS60" s="133"/>
      <c r="BT60" s="133"/>
      <c r="BU60" s="133"/>
      <c r="BV60" s="133"/>
      <c r="BW60" s="133"/>
      <c r="BX60" s="133"/>
      <c r="BY60" s="133"/>
      <c r="BZ60" s="133">
        <v>118554</v>
      </c>
      <c r="CA60" s="133"/>
      <c r="CB60" s="133"/>
      <c r="CC60" s="133"/>
      <c r="CD60" s="133"/>
      <c r="CE60" s="133"/>
      <c r="CF60" s="233"/>
      <c r="CG60" s="234"/>
      <c r="CH60" s="234"/>
      <c r="CI60" s="234"/>
      <c r="CJ60" s="235"/>
      <c r="CK60" s="109" t="s">
        <v>78</v>
      </c>
      <c r="CL60" s="109"/>
      <c r="CM60" s="109"/>
      <c r="CN60" s="109"/>
      <c r="CO60" s="109"/>
      <c r="CP60" s="109"/>
      <c r="CQ60" s="109"/>
      <c r="CR60" s="110"/>
      <c r="CS60" s="132" t="s">
        <v>72</v>
      </c>
      <c r="CT60" s="175"/>
      <c r="CU60" s="175"/>
      <c r="CV60" s="175"/>
      <c r="CW60" s="175"/>
      <c r="CX60" s="175"/>
      <c r="CY60" s="175"/>
      <c r="CZ60" s="199"/>
      <c r="DA60" s="132">
        <v>11592101</v>
      </c>
      <c r="DB60" s="175"/>
      <c r="DC60" s="175"/>
      <c r="DD60" s="175"/>
      <c r="DE60" s="175"/>
      <c r="DF60" s="175"/>
      <c r="DG60" s="175"/>
      <c r="DH60" s="176"/>
      <c r="DI60" s="5"/>
    </row>
    <row r="61" spans="2:113" ht="13.5" customHeight="1" x14ac:dyDescent="0.15">
      <c r="B61" s="205" t="s">
        <v>77</v>
      </c>
      <c r="C61" s="109"/>
      <c r="D61" s="109"/>
      <c r="E61" s="109"/>
      <c r="F61" s="109"/>
      <c r="G61" s="109"/>
      <c r="H61" s="109"/>
      <c r="I61" s="109"/>
      <c r="J61" s="109"/>
      <c r="K61" s="109"/>
      <c r="L61" s="110"/>
      <c r="M61" s="132">
        <v>139506020</v>
      </c>
      <c r="N61" s="133"/>
      <c r="O61" s="133"/>
      <c r="P61" s="133"/>
      <c r="Q61" s="133"/>
      <c r="R61" s="133"/>
      <c r="S61" s="133"/>
      <c r="T61" s="133"/>
      <c r="U61" s="113">
        <v>7.9</v>
      </c>
      <c r="V61" s="113"/>
      <c r="W61" s="113"/>
      <c r="X61" s="113"/>
      <c r="Y61" s="133">
        <v>115549448</v>
      </c>
      <c r="Z61" s="133"/>
      <c r="AA61" s="133"/>
      <c r="AB61" s="133"/>
      <c r="AC61" s="133"/>
      <c r="AD61" s="133"/>
      <c r="AE61" s="133"/>
      <c r="AF61" s="133"/>
      <c r="AG61" s="133">
        <v>77624958</v>
      </c>
      <c r="AH61" s="133"/>
      <c r="AI61" s="133"/>
      <c r="AJ61" s="133"/>
      <c r="AK61" s="133"/>
      <c r="AL61" s="133"/>
      <c r="AM61" s="133"/>
      <c r="AN61" s="133"/>
      <c r="AO61" s="133"/>
      <c r="AP61" s="133"/>
      <c r="AQ61" s="113">
        <v>8.6999999999999993</v>
      </c>
      <c r="AR61" s="113"/>
      <c r="AS61" s="113"/>
      <c r="AT61" s="113"/>
      <c r="AU61" s="113"/>
      <c r="AV61" s="222"/>
      <c r="AW61" s="131" t="s">
        <v>76</v>
      </c>
      <c r="AX61" s="109"/>
      <c r="AY61" s="109"/>
      <c r="AZ61" s="109"/>
      <c r="BA61" s="109"/>
      <c r="BB61" s="109"/>
      <c r="BC61" s="109"/>
      <c r="BD61" s="109"/>
      <c r="BE61" s="110"/>
      <c r="BF61" s="132">
        <v>293062622</v>
      </c>
      <c r="BG61" s="133"/>
      <c r="BH61" s="133"/>
      <c r="BI61" s="133"/>
      <c r="BJ61" s="133"/>
      <c r="BK61" s="133"/>
      <c r="BL61" s="133"/>
      <c r="BM61" s="113">
        <v>16.7</v>
      </c>
      <c r="BN61" s="113"/>
      <c r="BO61" s="113"/>
      <c r="BP61" s="113"/>
      <c r="BQ61" s="133" t="s">
        <v>75</v>
      </c>
      <c r="BR61" s="133"/>
      <c r="BS61" s="133"/>
      <c r="BT61" s="133"/>
      <c r="BU61" s="133"/>
      <c r="BV61" s="133"/>
      <c r="BW61" s="133"/>
      <c r="BX61" s="133"/>
      <c r="BY61" s="133"/>
      <c r="BZ61" s="133">
        <v>223974896</v>
      </c>
      <c r="CA61" s="133"/>
      <c r="CB61" s="133"/>
      <c r="CC61" s="133"/>
      <c r="CD61" s="133"/>
      <c r="CE61" s="133"/>
      <c r="CF61" s="236"/>
      <c r="CG61" s="237"/>
      <c r="CH61" s="237"/>
      <c r="CI61" s="237"/>
      <c r="CJ61" s="238"/>
      <c r="CK61" s="197" t="s">
        <v>74</v>
      </c>
      <c r="CL61" s="197"/>
      <c r="CM61" s="197"/>
      <c r="CN61" s="197"/>
      <c r="CO61" s="197"/>
      <c r="CP61" s="197"/>
      <c r="CQ61" s="197"/>
      <c r="CR61" s="198"/>
      <c r="CS61" s="132">
        <v>65644700</v>
      </c>
      <c r="CT61" s="175"/>
      <c r="CU61" s="175"/>
      <c r="CV61" s="175"/>
      <c r="CW61" s="175"/>
      <c r="CX61" s="175"/>
      <c r="CY61" s="175"/>
      <c r="CZ61" s="199"/>
      <c r="DA61" s="132">
        <v>66041273</v>
      </c>
      <c r="DB61" s="175"/>
      <c r="DC61" s="175"/>
      <c r="DD61" s="175"/>
      <c r="DE61" s="175"/>
      <c r="DF61" s="175"/>
      <c r="DG61" s="175"/>
      <c r="DH61" s="176"/>
      <c r="DI61" s="5"/>
    </row>
    <row r="62" spans="2:113" ht="13.5" customHeight="1" x14ac:dyDescent="0.15">
      <c r="B62" s="205" t="s">
        <v>73</v>
      </c>
      <c r="C62" s="109"/>
      <c r="D62" s="109"/>
      <c r="E62" s="109"/>
      <c r="F62" s="109"/>
      <c r="G62" s="109"/>
      <c r="H62" s="109"/>
      <c r="I62" s="109"/>
      <c r="J62" s="109"/>
      <c r="K62" s="109"/>
      <c r="L62" s="110"/>
      <c r="M62" s="132">
        <v>6562433</v>
      </c>
      <c r="N62" s="133"/>
      <c r="O62" s="133"/>
      <c r="P62" s="133"/>
      <c r="Q62" s="133"/>
      <c r="R62" s="133"/>
      <c r="S62" s="133"/>
      <c r="T62" s="133"/>
      <c r="U62" s="113">
        <v>0.4</v>
      </c>
      <c r="V62" s="113"/>
      <c r="W62" s="113"/>
      <c r="X62" s="113"/>
      <c r="Y62" s="133">
        <v>419811</v>
      </c>
      <c r="Z62" s="133"/>
      <c r="AA62" s="133"/>
      <c r="AB62" s="133"/>
      <c r="AC62" s="133"/>
      <c r="AD62" s="133"/>
      <c r="AE62" s="133"/>
      <c r="AF62" s="133"/>
      <c r="AG62" s="133" t="s">
        <v>72</v>
      </c>
      <c r="AH62" s="133"/>
      <c r="AI62" s="133"/>
      <c r="AJ62" s="133"/>
      <c r="AK62" s="133"/>
      <c r="AL62" s="133"/>
      <c r="AM62" s="133"/>
      <c r="AN62" s="133"/>
      <c r="AO62" s="133"/>
      <c r="AP62" s="133"/>
      <c r="AQ62" s="113" t="s">
        <v>15</v>
      </c>
      <c r="AR62" s="113"/>
      <c r="AS62" s="113"/>
      <c r="AT62" s="113"/>
      <c r="AU62" s="113"/>
      <c r="AV62" s="222"/>
      <c r="AW62" s="131" t="s">
        <v>71</v>
      </c>
      <c r="AX62" s="109"/>
      <c r="AY62" s="109"/>
      <c r="AZ62" s="109"/>
      <c r="BA62" s="109"/>
      <c r="BB62" s="109"/>
      <c r="BC62" s="109"/>
      <c r="BD62" s="109"/>
      <c r="BE62" s="110"/>
      <c r="BF62" s="132">
        <v>9584568</v>
      </c>
      <c r="BG62" s="133"/>
      <c r="BH62" s="133"/>
      <c r="BI62" s="133"/>
      <c r="BJ62" s="133"/>
      <c r="BK62" s="133"/>
      <c r="BL62" s="133"/>
      <c r="BM62" s="113">
        <v>0.5</v>
      </c>
      <c r="BN62" s="113"/>
      <c r="BO62" s="113"/>
      <c r="BP62" s="113"/>
      <c r="BQ62" s="133" t="s">
        <v>15</v>
      </c>
      <c r="BR62" s="133"/>
      <c r="BS62" s="133"/>
      <c r="BT62" s="133"/>
      <c r="BU62" s="133"/>
      <c r="BV62" s="133"/>
      <c r="BW62" s="133"/>
      <c r="BX62" s="133"/>
      <c r="BY62" s="133"/>
      <c r="BZ62" s="133">
        <v>9584568</v>
      </c>
      <c r="CA62" s="133"/>
      <c r="CB62" s="133"/>
      <c r="CC62" s="133"/>
      <c r="CD62" s="133"/>
      <c r="CE62" s="133"/>
      <c r="CF62" s="223" t="s">
        <v>70</v>
      </c>
      <c r="CG62" s="224"/>
      <c r="CH62" s="224"/>
      <c r="CI62" s="224"/>
      <c r="CJ62" s="224"/>
      <c r="CK62" s="224"/>
      <c r="CL62" s="224"/>
      <c r="CM62" s="224"/>
      <c r="CN62" s="224"/>
      <c r="CO62" s="224"/>
      <c r="CP62" s="224"/>
      <c r="CQ62" s="224"/>
      <c r="CR62" s="224"/>
      <c r="CS62" s="225">
        <v>1906255504</v>
      </c>
      <c r="CT62" s="226"/>
      <c r="CU62" s="226"/>
      <c r="CV62" s="226"/>
      <c r="CW62" s="226"/>
      <c r="CX62" s="226"/>
      <c r="CY62" s="226"/>
      <c r="CZ62" s="227"/>
      <c r="DA62" s="228">
        <v>2069776601</v>
      </c>
      <c r="DB62" s="226"/>
      <c r="DC62" s="226"/>
      <c r="DD62" s="226"/>
      <c r="DE62" s="226"/>
      <c r="DF62" s="226"/>
      <c r="DG62" s="226"/>
      <c r="DH62" s="229"/>
      <c r="DI62" s="5"/>
    </row>
    <row r="63" spans="2:113" ht="13.5" customHeight="1" x14ac:dyDescent="0.15">
      <c r="B63" s="205" t="s">
        <v>69</v>
      </c>
      <c r="C63" s="109"/>
      <c r="D63" s="109"/>
      <c r="E63" s="109"/>
      <c r="F63" s="109"/>
      <c r="G63" s="109"/>
      <c r="H63" s="109"/>
      <c r="I63" s="109"/>
      <c r="J63" s="109"/>
      <c r="K63" s="109"/>
      <c r="L63" s="110"/>
      <c r="M63" s="132">
        <v>85749195</v>
      </c>
      <c r="N63" s="133"/>
      <c r="O63" s="133"/>
      <c r="P63" s="133"/>
      <c r="Q63" s="133"/>
      <c r="R63" s="133"/>
      <c r="S63" s="133"/>
      <c r="T63" s="133"/>
      <c r="U63" s="113">
        <v>4.9000000000000004</v>
      </c>
      <c r="V63" s="113"/>
      <c r="W63" s="113"/>
      <c r="X63" s="113"/>
      <c r="Y63" s="133">
        <v>4631582</v>
      </c>
      <c r="Z63" s="133"/>
      <c r="AA63" s="133"/>
      <c r="AB63" s="133"/>
      <c r="AC63" s="133"/>
      <c r="AD63" s="133"/>
      <c r="AE63" s="133"/>
      <c r="AF63" s="133"/>
      <c r="AG63" s="133" t="s">
        <v>68</v>
      </c>
      <c r="AH63" s="133"/>
      <c r="AI63" s="133"/>
      <c r="AJ63" s="133"/>
      <c r="AK63" s="133"/>
      <c r="AL63" s="133"/>
      <c r="AM63" s="133"/>
      <c r="AN63" s="133"/>
      <c r="AO63" s="133"/>
      <c r="AP63" s="133"/>
      <c r="AQ63" s="113" t="s">
        <v>68</v>
      </c>
      <c r="AR63" s="113"/>
      <c r="AS63" s="113"/>
      <c r="AT63" s="113"/>
      <c r="AU63" s="113"/>
      <c r="AV63" s="222"/>
      <c r="AW63" s="131" t="s">
        <v>65</v>
      </c>
      <c r="AX63" s="109"/>
      <c r="AY63" s="109"/>
      <c r="AZ63" s="109"/>
      <c r="BA63" s="109"/>
      <c r="BB63" s="109"/>
      <c r="BC63" s="109"/>
      <c r="BD63" s="109"/>
      <c r="BE63" s="110"/>
      <c r="BF63" s="132" t="s">
        <v>63</v>
      </c>
      <c r="BG63" s="133"/>
      <c r="BH63" s="133"/>
      <c r="BI63" s="133"/>
      <c r="BJ63" s="133"/>
      <c r="BK63" s="133"/>
      <c r="BL63" s="133"/>
      <c r="BM63" s="113" t="s">
        <v>15</v>
      </c>
      <c r="BN63" s="113"/>
      <c r="BO63" s="113"/>
      <c r="BP63" s="113"/>
      <c r="BQ63" s="133" t="s">
        <v>63</v>
      </c>
      <c r="BR63" s="133"/>
      <c r="BS63" s="133"/>
      <c r="BT63" s="133"/>
      <c r="BU63" s="133"/>
      <c r="BV63" s="133"/>
      <c r="BW63" s="133"/>
      <c r="BX63" s="133"/>
      <c r="BY63" s="133"/>
      <c r="BZ63" s="133" t="s">
        <v>64</v>
      </c>
      <c r="CA63" s="133"/>
      <c r="CB63" s="133"/>
      <c r="CC63" s="133"/>
      <c r="CD63" s="133"/>
      <c r="CE63" s="133"/>
      <c r="CF63" s="213" t="s">
        <v>67</v>
      </c>
      <c r="CG63" s="214"/>
      <c r="CH63" s="214"/>
      <c r="CI63" s="214"/>
      <c r="CJ63" s="215"/>
      <c r="CK63" s="131" t="s">
        <v>66</v>
      </c>
      <c r="CL63" s="109"/>
      <c r="CM63" s="109"/>
      <c r="CN63" s="109"/>
      <c r="CO63" s="109"/>
      <c r="CP63" s="109"/>
      <c r="CQ63" s="109"/>
      <c r="CR63" s="110"/>
      <c r="CS63" s="132">
        <v>65629436</v>
      </c>
      <c r="CT63" s="175"/>
      <c r="CU63" s="175"/>
      <c r="CV63" s="175"/>
      <c r="CW63" s="175"/>
      <c r="CX63" s="175"/>
      <c r="CY63" s="175"/>
      <c r="CZ63" s="199"/>
      <c r="DA63" s="132">
        <v>44993797</v>
      </c>
      <c r="DB63" s="175"/>
      <c r="DC63" s="175"/>
      <c r="DD63" s="175"/>
      <c r="DE63" s="175"/>
      <c r="DF63" s="175"/>
      <c r="DG63" s="175"/>
      <c r="DH63" s="176"/>
      <c r="DI63" s="5"/>
    </row>
    <row r="64" spans="2:113" ht="13.5" customHeight="1" x14ac:dyDescent="0.15">
      <c r="B64" s="205" t="s">
        <v>65</v>
      </c>
      <c r="C64" s="109"/>
      <c r="D64" s="109"/>
      <c r="E64" s="109"/>
      <c r="F64" s="109"/>
      <c r="G64" s="109"/>
      <c r="H64" s="109"/>
      <c r="I64" s="109"/>
      <c r="J64" s="109"/>
      <c r="K64" s="109"/>
      <c r="L64" s="110"/>
      <c r="M64" s="132" t="s">
        <v>64</v>
      </c>
      <c r="N64" s="133"/>
      <c r="O64" s="133"/>
      <c r="P64" s="133"/>
      <c r="Q64" s="133"/>
      <c r="R64" s="133"/>
      <c r="S64" s="133"/>
      <c r="T64" s="133"/>
      <c r="U64" s="113" t="s">
        <v>15</v>
      </c>
      <c r="V64" s="113"/>
      <c r="W64" s="113"/>
      <c r="X64" s="113"/>
      <c r="Y64" s="133" t="s">
        <v>63</v>
      </c>
      <c r="Z64" s="133"/>
      <c r="AA64" s="133"/>
      <c r="AB64" s="133"/>
      <c r="AC64" s="133"/>
      <c r="AD64" s="133"/>
      <c r="AE64" s="133"/>
      <c r="AF64" s="133"/>
      <c r="AW64" s="212" t="s">
        <v>13</v>
      </c>
      <c r="AX64" s="109"/>
      <c r="AY64" s="109"/>
      <c r="AZ64" s="109"/>
      <c r="BA64" s="109"/>
      <c r="BB64" s="109"/>
      <c r="BC64" s="109"/>
      <c r="BD64" s="109"/>
      <c r="BE64" s="110"/>
      <c r="BF64" s="132">
        <v>1758571784</v>
      </c>
      <c r="BG64" s="133"/>
      <c r="BH64" s="133"/>
      <c r="BI64" s="133"/>
      <c r="BJ64" s="133"/>
      <c r="BK64" s="133"/>
      <c r="BL64" s="133"/>
      <c r="BM64" s="113">
        <v>100</v>
      </c>
      <c r="BN64" s="113"/>
      <c r="BO64" s="113"/>
      <c r="BP64" s="113"/>
      <c r="BQ64" s="133">
        <v>121547422</v>
      </c>
      <c r="BR64" s="133"/>
      <c r="BS64" s="133"/>
      <c r="BT64" s="133"/>
      <c r="BU64" s="133"/>
      <c r="BV64" s="133"/>
      <c r="BW64" s="133"/>
      <c r="BX64" s="133"/>
      <c r="BY64" s="133"/>
      <c r="BZ64" s="133">
        <v>1006197168</v>
      </c>
      <c r="CA64" s="133"/>
      <c r="CB64" s="133"/>
      <c r="CC64" s="133"/>
      <c r="CD64" s="133"/>
      <c r="CE64" s="133"/>
      <c r="CF64" s="216"/>
      <c r="CG64" s="217"/>
      <c r="CH64" s="217"/>
      <c r="CI64" s="217"/>
      <c r="CJ64" s="218"/>
      <c r="CK64" s="131" t="s">
        <v>62</v>
      </c>
      <c r="CL64" s="109"/>
      <c r="CM64" s="109"/>
      <c r="CN64" s="109"/>
      <c r="CO64" s="109"/>
      <c r="CP64" s="109"/>
      <c r="CQ64" s="109"/>
      <c r="CR64" s="110"/>
      <c r="CS64" s="132">
        <v>45774069</v>
      </c>
      <c r="CT64" s="175"/>
      <c r="CU64" s="175"/>
      <c r="CV64" s="175"/>
      <c r="CW64" s="175"/>
      <c r="CX64" s="175"/>
      <c r="CY64" s="175"/>
      <c r="CZ64" s="199"/>
      <c r="DA64" s="132">
        <v>38288726</v>
      </c>
      <c r="DB64" s="175"/>
      <c r="DC64" s="175"/>
      <c r="DD64" s="175"/>
      <c r="DE64" s="175"/>
      <c r="DF64" s="175"/>
      <c r="DG64" s="175"/>
      <c r="DH64" s="176"/>
      <c r="DI64" s="5"/>
    </row>
    <row r="65" spans="2:113" ht="13.5" customHeight="1" x14ac:dyDescent="0.15">
      <c r="B65" s="205" t="s">
        <v>61</v>
      </c>
      <c r="C65" s="109"/>
      <c r="D65" s="109"/>
      <c r="E65" s="109"/>
      <c r="F65" s="109"/>
      <c r="G65" s="109"/>
      <c r="H65" s="109"/>
      <c r="I65" s="109"/>
      <c r="J65" s="109"/>
      <c r="K65" s="109"/>
      <c r="L65" s="110"/>
      <c r="M65" s="132">
        <v>124703519</v>
      </c>
      <c r="N65" s="133"/>
      <c r="O65" s="133"/>
      <c r="P65" s="133"/>
      <c r="Q65" s="133"/>
      <c r="R65" s="133"/>
      <c r="S65" s="133"/>
      <c r="T65" s="133"/>
      <c r="U65" s="113">
        <v>7.1</v>
      </c>
      <c r="V65" s="113"/>
      <c r="W65" s="113"/>
      <c r="X65" s="113"/>
      <c r="Y65" s="133">
        <v>49503401</v>
      </c>
      <c r="Z65" s="133"/>
      <c r="AA65" s="133"/>
      <c r="AB65" s="133"/>
      <c r="AC65" s="133"/>
      <c r="AD65" s="133"/>
      <c r="AE65" s="133"/>
      <c r="AF65" s="133"/>
      <c r="AG65" s="23"/>
      <c r="AH65" s="206" t="s">
        <v>60</v>
      </c>
      <c r="AI65" s="206"/>
      <c r="AJ65" s="206"/>
      <c r="AK65" s="206"/>
      <c r="AL65" s="206"/>
      <c r="AM65" s="206"/>
      <c r="AN65" s="206"/>
      <c r="AO65" s="206"/>
      <c r="AP65" s="206"/>
      <c r="AQ65" s="206"/>
      <c r="AR65" s="206"/>
      <c r="AS65" s="206"/>
      <c r="AT65" s="206"/>
      <c r="AU65" s="206"/>
      <c r="AV65" s="207"/>
      <c r="AW65" s="208"/>
      <c r="AX65" s="197"/>
      <c r="AY65" s="197"/>
      <c r="AZ65" s="197"/>
      <c r="BA65" s="197"/>
      <c r="BB65" s="197"/>
      <c r="BC65" s="197"/>
      <c r="BD65" s="197"/>
      <c r="BE65" s="198"/>
      <c r="BF65" s="209"/>
      <c r="BG65" s="210"/>
      <c r="BH65" s="210"/>
      <c r="BI65" s="210"/>
      <c r="BJ65" s="210"/>
      <c r="BK65" s="210"/>
      <c r="BL65" s="210"/>
      <c r="BM65" s="211"/>
      <c r="BN65" s="211"/>
      <c r="BO65" s="211"/>
      <c r="BP65" s="211"/>
      <c r="BQ65" s="210"/>
      <c r="BR65" s="210"/>
      <c r="BS65" s="210"/>
      <c r="BT65" s="210"/>
      <c r="BU65" s="210"/>
      <c r="BV65" s="210"/>
      <c r="BW65" s="210"/>
      <c r="BX65" s="210"/>
      <c r="BY65" s="210"/>
      <c r="BZ65" s="210"/>
      <c r="CA65" s="210"/>
      <c r="CB65" s="210"/>
      <c r="CC65" s="210"/>
      <c r="CD65" s="210"/>
      <c r="CE65" s="210"/>
      <c r="CF65" s="216"/>
      <c r="CG65" s="217"/>
      <c r="CH65" s="217"/>
      <c r="CI65" s="217"/>
      <c r="CJ65" s="218"/>
      <c r="CK65" s="131" t="s">
        <v>59</v>
      </c>
      <c r="CL65" s="109"/>
      <c r="CM65" s="109"/>
      <c r="CN65" s="109"/>
      <c r="CO65" s="109"/>
      <c r="CP65" s="109"/>
      <c r="CQ65" s="109"/>
      <c r="CR65" s="110"/>
      <c r="CS65" s="132">
        <v>116107021</v>
      </c>
      <c r="CT65" s="175"/>
      <c r="CU65" s="175"/>
      <c r="CV65" s="175"/>
      <c r="CW65" s="175"/>
      <c r="CX65" s="175"/>
      <c r="CY65" s="175"/>
      <c r="CZ65" s="199"/>
      <c r="DA65" s="132">
        <v>122215512</v>
      </c>
      <c r="DB65" s="175"/>
      <c r="DC65" s="175"/>
      <c r="DD65" s="175"/>
      <c r="DE65" s="175"/>
      <c r="DF65" s="175"/>
      <c r="DG65" s="175"/>
      <c r="DH65" s="176"/>
      <c r="DI65" s="5"/>
    </row>
    <row r="66" spans="2:113" ht="13.5" customHeight="1" x14ac:dyDescent="0.15">
      <c r="B66" s="22"/>
      <c r="C66" s="139" t="s">
        <v>58</v>
      </c>
      <c r="D66" s="139"/>
      <c r="E66" s="139"/>
      <c r="F66" s="139"/>
      <c r="G66" s="139"/>
      <c r="H66" s="139"/>
      <c r="I66" s="139"/>
      <c r="J66" s="139"/>
      <c r="K66" s="139"/>
      <c r="L66" s="140"/>
      <c r="M66" s="132">
        <v>2389053</v>
      </c>
      <c r="N66" s="133"/>
      <c r="O66" s="133"/>
      <c r="P66" s="133"/>
      <c r="Q66" s="133"/>
      <c r="R66" s="133"/>
      <c r="S66" s="133"/>
      <c r="T66" s="133"/>
      <c r="U66" s="113">
        <v>0.1</v>
      </c>
      <c r="V66" s="113"/>
      <c r="W66" s="113"/>
      <c r="X66" s="113"/>
      <c r="Y66" s="133">
        <v>2280660</v>
      </c>
      <c r="Z66" s="133"/>
      <c r="AA66" s="133"/>
      <c r="AB66" s="133"/>
      <c r="AC66" s="133"/>
      <c r="AD66" s="133"/>
      <c r="AE66" s="133"/>
      <c r="AF66" s="133"/>
      <c r="AG66" s="14"/>
      <c r="AH66" s="177">
        <v>869183768</v>
      </c>
      <c r="AI66" s="177"/>
      <c r="AJ66" s="177"/>
      <c r="AK66" s="177"/>
      <c r="AL66" s="177"/>
      <c r="AM66" s="177"/>
      <c r="AN66" s="177"/>
      <c r="AO66" s="177"/>
      <c r="AP66" s="177"/>
      <c r="AQ66" s="177"/>
      <c r="AR66" s="177"/>
      <c r="AS66" s="177"/>
      <c r="AT66" s="178" t="s">
        <v>57</v>
      </c>
      <c r="AU66" s="178"/>
      <c r="AV66" s="18"/>
      <c r="AW66" s="179" t="s">
        <v>56</v>
      </c>
      <c r="AX66" s="180"/>
      <c r="AY66" s="159" t="s">
        <v>55</v>
      </c>
      <c r="AZ66" s="185"/>
      <c r="BA66" s="185"/>
      <c r="BB66" s="185"/>
      <c r="BC66" s="185"/>
      <c r="BD66" s="185"/>
      <c r="BE66" s="186"/>
      <c r="BF66" s="187">
        <v>181273892</v>
      </c>
      <c r="BG66" s="188"/>
      <c r="BH66" s="188"/>
      <c r="BI66" s="188"/>
      <c r="BJ66" s="188"/>
      <c r="BK66" s="189"/>
      <c r="BL66" s="190" t="s">
        <v>54</v>
      </c>
      <c r="BM66" s="193" t="s">
        <v>53</v>
      </c>
      <c r="BN66" s="159" t="s">
        <v>52</v>
      </c>
      <c r="BO66" s="126"/>
      <c r="BP66" s="126"/>
      <c r="BQ66" s="126"/>
      <c r="BR66" s="126"/>
      <c r="BS66" s="126"/>
      <c r="BT66" s="126"/>
      <c r="BU66" s="126"/>
      <c r="BV66" s="126"/>
      <c r="BW66" s="126"/>
      <c r="BX66" s="126"/>
      <c r="BY66" s="127"/>
      <c r="BZ66" s="187">
        <v>2253368</v>
      </c>
      <c r="CA66" s="188"/>
      <c r="CB66" s="188"/>
      <c r="CC66" s="188"/>
      <c r="CD66" s="188"/>
      <c r="CE66" s="188"/>
      <c r="CF66" s="219"/>
      <c r="CG66" s="220"/>
      <c r="CH66" s="220"/>
      <c r="CI66" s="220"/>
      <c r="CJ66" s="221"/>
      <c r="CK66" s="196" t="s">
        <v>51</v>
      </c>
      <c r="CL66" s="197"/>
      <c r="CM66" s="197"/>
      <c r="CN66" s="197"/>
      <c r="CO66" s="197"/>
      <c r="CP66" s="197"/>
      <c r="CQ66" s="197"/>
      <c r="CR66" s="198"/>
      <c r="CS66" s="132" t="s">
        <v>15</v>
      </c>
      <c r="CT66" s="175"/>
      <c r="CU66" s="175"/>
      <c r="CV66" s="175"/>
      <c r="CW66" s="175"/>
      <c r="CX66" s="175"/>
      <c r="CY66" s="175"/>
      <c r="CZ66" s="199"/>
      <c r="DA66" s="132" t="s">
        <v>50</v>
      </c>
      <c r="DB66" s="175"/>
      <c r="DC66" s="175"/>
      <c r="DD66" s="175"/>
      <c r="DE66" s="175"/>
      <c r="DF66" s="175"/>
      <c r="DG66" s="175"/>
      <c r="DH66" s="176"/>
      <c r="DI66" s="5"/>
    </row>
    <row r="67" spans="2:113" ht="13.5" customHeight="1" x14ac:dyDescent="0.15">
      <c r="B67" s="21"/>
      <c r="C67" s="200" t="s">
        <v>49</v>
      </c>
      <c r="D67" s="201"/>
      <c r="E67" s="201"/>
      <c r="F67" s="201"/>
      <c r="G67" s="201"/>
      <c r="H67" s="201"/>
      <c r="I67" s="201"/>
      <c r="J67" s="201"/>
      <c r="K67" s="201"/>
      <c r="L67" s="202"/>
      <c r="M67" s="203">
        <v>121547422</v>
      </c>
      <c r="N67" s="157"/>
      <c r="O67" s="157"/>
      <c r="P67" s="157"/>
      <c r="Q67" s="157"/>
      <c r="R67" s="157"/>
      <c r="S67" s="157"/>
      <c r="T67" s="157"/>
      <c r="U67" s="204">
        <v>6.9</v>
      </c>
      <c r="V67" s="204"/>
      <c r="W67" s="204"/>
      <c r="X67" s="204"/>
      <c r="Y67" s="157">
        <v>49384847</v>
      </c>
      <c r="Z67" s="157"/>
      <c r="AA67" s="157"/>
      <c r="AB67" s="157"/>
      <c r="AC67" s="157"/>
      <c r="AD67" s="157"/>
      <c r="AE67" s="157"/>
      <c r="AF67" s="158"/>
      <c r="AG67" s="14"/>
      <c r="AH67" s="109" t="s">
        <v>48</v>
      </c>
      <c r="AI67" s="109"/>
      <c r="AJ67" s="109"/>
      <c r="AK67" s="109"/>
      <c r="AL67" s="109"/>
      <c r="AM67" s="109"/>
      <c r="AN67" s="109"/>
      <c r="AO67" s="109"/>
      <c r="AP67" s="109"/>
      <c r="AQ67" s="109"/>
      <c r="AR67" s="109"/>
      <c r="AS67" s="109"/>
      <c r="AT67" s="109"/>
      <c r="AU67" s="109"/>
      <c r="AV67" s="135"/>
      <c r="AW67" s="181"/>
      <c r="AX67" s="182"/>
      <c r="AY67" s="145" t="s">
        <v>47</v>
      </c>
      <c r="AZ67" s="146"/>
      <c r="BA67" s="146"/>
      <c r="BB67" s="146"/>
      <c r="BC67" s="146"/>
      <c r="BD67" s="146"/>
      <c r="BE67" s="147"/>
      <c r="BF67" s="132">
        <v>29256702</v>
      </c>
      <c r="BG67" s="133"/>
      <c r="BH67" s="133"/>
      <c r="BI67" s="133"/>
      <c r="BJ67" s="133"/>
      <c r="BK67" s="134"/>
      <c r="BL67" s="191"/>
      <c r="BM67" s="194"/>
      <c r="BN67" s="131" t="s">
        <v>46</v>
      </c>
      <c r="BO67" s="109"/>
      <c r="BP67" s="109"/>
      <c r="BQ67" s="109"/>
      <c r="BR67" s="109"/>
      <c r="BS67" s="109"/>
      <c r="BT67" s="109"/>
      <c r="BU67" s="109"/>
      <c r="BV67" s="109"/>
      <c r="BW67" s="109"/>
      <c r="BX67" s="109"/>
      <c r="BY67" s="110"/>
      <c r="BZ67" s="132">
        <v>-3748459</v>
      </c>
      <c r="CA67" s="133"/>
      <c r="CB67" s="133"/>
      <c r="CC67" s="133"/>
      <c r="CD67" s="133"/>
      <c r="CE67" s="133"/>
      <c r="CF67" s="159" t="s">
        <v>45</v>
      </c>
      <c r="CG67" s="160"/>
      <c r="CH67" s="160"/>
      <c r="CI67" s="160"/>
      <c r="CJ67" s="160"/>
      <c r="CK67" s="160"/>
      <c r="CL67" s="160"/>
      <c r="CM67" s="160"/>
      <c r="CN67" s="160"/>
      <c r="CO67" s="160"/>
      <c r="CP67" s="160"/>
      <c r="CQ67" s="160"/>
      <c r="CR67" s="160"/>
      <c r="CS67" s="161">
        <v>9335785</v>
      </c>
      <c r="CT67" s="162"/>
      <c r="CU67" s="162"/>
      <c r="CV67" s="162"/>
      <c r="CW67" s="162"/>
      <c r="CX67" s="162"/>
      <c r="CY67" s="162"/>
      <c r="CZ67" s="163"/>
      <c r="DA67" s="164">
        <v>9444887</v>
      </c>
      <c r="DB67" s="162"/>
      <c r="DC67" s="162"/>
      <c r="DD67" s="162"/>
      <c r="DE67" s="162"/>
      <c r="DF67" s="162"/>
      <c r="DG67" s="162"/>
      <c r="DH67" s="165"/>
      <c r="DI67" s="5"/>
    </row>
    <row r="68" spans="2:113" ht="13.5" customHeight="1" x14ac:dyDescent="0.15">
      <c r="B68" s="166" t="s">
        <v>44</v>
      </c>
      <c r="C68" s="17"/>
      <c r="D68" s="109" t="s">
        <v>43</v>
      </c>
      <c r="E68" s="109"/>
      <c r="F68" s="109"/>
      <c r="G68" s="109"/>
      <c r="H68" s="109"/>
      <c r="I68" s="109"/>
      <c r="J68" s="109"/>
      <c r="K68" s="109"/>
      <c r="L68" s="110"/>
      <c r="M68" s="132">
        <v>67018775</v>
      </c>
      <c r="N68" s="133"/>
      <c r="O68" s="133"/>
      <c r="P68" s="133"/>
      <c r="Q68" s="133"/>
      <c r="R68" s="133"/>
      <c r="S68" s="133"/>
      <c r="T68" s="133"/>
      <c r="U68" s="113">
        <v>3.8</v>
      </c>
      <c r="V68" s="113"/>
      <c r="W68" s="113"/>
      <c r="X68" s="113"/>
      <c r="Y68" s="133">
        <v>15236564</v>
      </c>
      <c r="Z68" s="133"/>
      <c r="AA68" s="133"/>
      <c r="AB68" s="133"/>
      <c r="AC68" s="133"/>
      <c r="AD68" s="133"/>
      <c r="AE68" s="133"/>
      <c r="AF68" s="134"/>
      <c r="AG68" s="14"/>
      <c r="AH68" s="5"/>
      <c r="AI68" s="5"/>
      <c r="AJ68" s="5"/>
      <c r="AK68" s="167">
        <v>96.9</v>
      </c>
      <c r="AL68" s="167"/>
      <c r="AM68" s="167"/>
      <c r="AN68" s="9" t="s">
        <v>41</v>
      </c>
      <c r="AO68" s="20"/>
      <c r="AP68" s="20"/>
      <c r="AQ68" s="19" t="s">
        <v>42</v>
      </c>
      <c r="AR68" s="168">
        <v>104.3</v>
      </c>
      <c r="AS68" s="168"/>
      <c r="AT68" s="168"/>
      <c r="AU68" s="9" t="s">
        <v>41</v>
      </c>
      <c r="AV68" s="18" t="s">
        <v>40</v>
      </c>
      <c r="AW68" s="181"/>
      <c r="AX68" s="182"/>
      <c r="AY68" s="145" t="s">
        <v>39</v>
      </c>
      <c r="AZ68" s="146"/>
      <c r="BA68" s="146"/>
      <c r="BB68" s="146"/>
      <c r="BC68" s="146"/>
      <c r="BD68" s="146"/>
      <c r="BE68" s="147"/>
      <c r="BF68" s="132">
        <v>28383076</v>
      </c>
      <c r="BG68" s="133"/>
      <c r="BH68" s="133"/>
      <c r="BI68" s="133"/>
      <c r="BJ68" s="133"/>
      <c r="BK68" s="134"/>
      <c r="BL68" s="191"/>
      <c r="BM68" s="194"/>
      <c r="BN68" s="131" t="s">
        <v>38</v>
      </c>
      <c r="BO68" s="109"/>
      <c r="BP68" s="109"/>
      <c r="BQ68" s="109"/>
      <c r="BR68" s="109"/>
      <c r="BS68" s="109"/>
      <c r="BT68" s="109"/>
      <c r="BU68" s="109"/>
      <c r="BV68" s="109"/>
      <c r="BW68" s="109"/>
      <c r="BX68" s="109"/>
      <c r="BY68" s="110"/>
      <c r="BZ68" s="132">
        <v>422920</v>
      </c>
      <c r="CA68" s="133"/>
      <c r="CB68" s="133"/>
      <c r="CC68" s="133"/>
      <c r="CD68" s="133"/>
      <c r="CE68" s="133"/>
      <c r="CF68" s="131" t="s">
        <v>37</v>
      </c>
      <c r="CG68" s="169"/>
      <c r="CH68" s="169"/>
      <c r="CI68" s="169"/>
      <c r="CJ68" s="169"/>
      <c r="CK68" s="169"/>
      <c r="CL68" s="169"/>
      <c r="CM68" s="169"/>
      <c r="CN68" s="169"/>
      <c r="CO68" s="169"/>
      <c r="CP68" s="169"/>
      <c r="CQ68" s="169"/>
      <c r="CR68" s="169"/>
      <c r="CS68" s="170">
        <v>20642806</v>
      </c>
      <c r="CT68" s="171"/>
      <c r="CU68" s="171"/>
      <c r="CV68" s="171"/>
      <c r="CW68" s="171"/>
      <c r="CX68" s="171"/>
      <c r="CY68" s="171"/>
      <c r="CZ68" s="172"/>
      <c r="DA68" s="173">
        <v>20642806</v>
      </c>
      <c r="DB68" s="171"/>
      <c r="DC68" s="171"/>
      <c r="DD68" s="171"/>
      <c r="DE68" s="171"/>
      <c r="DF68" s="171"/>
      <c r="DG68" s="171"/>
      <c r="DH68" s="174"/>
      <c r="DI68" s="5"/>
    </row>
    <row r="69" spans="2:113" ht="13.5" customHeight="1" x14ac:dyDescent="0.15">
      <c r="B69" s="166"/>
      <c r="C69" s="17"/>
      <c r="D69" s="109" t="s">
        <v>36</v>
      </c>
      <c r="E69" s="109"/>
      <c r="F69" s="109"/>
      <c r="G69" s="109"/>
      <c r="H69" s="109"/>
      <c r="I69" s="109"/>
      <c r="J69" s="109"/>
      <c r="K69" s="109"/>
      <c r="L69" s="110"/>
      <c r="M69" s="132">
        <v>51672771</v>
      </c>
      <c r="N69" s="133"/>
      <c r="O69" s="133"/>
      <c r="P69" s="133"/>
      <c r="Q69" s="133"/>
      <c r="R69" s="133"/>
      <c r="S69" s="133"/>
      <c r="T69" s="133"/>
      <c r="U69" s="113">
        <v>2.9</v>
      </c>
      <c r="V69" s="113"/>
      <c r="W69" s="113"/>
      <c r="X69" s="113"/>
      <c r="Y69" s="133">
        <v>33552407</v>
      </c>
      <c r="Z69" s="133"/>
      <c r="AA69" s="133"/>
      <c r="AB69" s="133"/>
      <c r="AC69" s="133"/>
      <c r="AD69" s="133"/>
      <c r="AE69" s="133"/>
      <c r="AF69" s="134"/>
      <c r="AG69" s="14"/>
      <c r="AH69" s="7"/>
      <c r="AI69" s="16"/>
      <c r="AJ69" s="16"/>
      <c r="AK69" s="16"/>
      <c r="AL69" s="109" t="s">
        <v>35</v>
      </c>
      <c r="AM69" s="109"/>
      <c r="AN69" s="109"/>
      <c r="AO69" s="109"/>
      <c r="AP69" s="109"/>
      <c r="AQ69" s="109"/>
      <c r="AR69" s="109"/>
      <c r="AS69" s="109"/>
      <c r="AT69" s="109"/>
      <c r="AU69" s="109"/>
      <c r="AV69" s="135"/>
      <c r="AW69" s="181"/>
      <c r="AX69" s="182"/>
      <c r="AY69" s="145" t="s">
        <v>34</v>
      </c>
      <c r="AZ69" s="146"/>
      <c r="BA69" s="146"/>
      <c r="BB69" s="146"/>
      <c r="BC69" s="146"/>
      <c r="BD69" s="146"/>
      <c r="BE69" s="147"/>
      <c r="BF69" s="132">
        <v>9584568</v>
      </c>
      <c r="BG69" s="133"/>
      <c r="BH69" s="133"/>
      <c r="BI69" s="133"/>
      <c r="BJ69" s="133"/>
      <c r="BK69" s="134"/>
      <c r="BL69" s="191"/>
      <c r="BM69" s="194"/>
      <c r="BN69" s="131" t="s">
        <v>33</v>
      </c>
      <c r="BO69" s="109"/>
      <c r="BP69" s="109"/>
      <c r="BQ69" s="109"/>
      <c r="BR69" s="109"/>
      <c r="BS69" s="109"/>
      <c r="BT69" s="109"/>
      <c r="BU69" s="109"/>
      <c r="BV69" s="109"/>
      <c r="BW69" s="109"/>
      <c r="BX69" s="109"/>
      <c r="BY69" s="110"/>
      <c r="BZ69" s="132">
        <v>628949</v>
      </c>
      <c r="CA69" s="133"/>
      <c r="CB69" s="133"/>
      <c r="CC69" s="133"/>
      <c r="CD69" s="133"/>
      <c r="CE69" s="133"/>
      <c r="CF69" s="148" t="s">
        <v>32</v>
      </c>
      <c r="CG69" s="149"/>
      <c r="CH69" s="149" t="s">
        <v>31</v>
      </c>
      <c r="CI69" s="149"/>
      <c r="CJ69" s="152"/>
      <c r="CK69" s="126" t="s">
        <v>30</v>
      </c>
      <c r="CL69" s="126"/>
      <c r="CM69" s="126"/>
      <c r="CN69" s="126"/>
      <c r="CO69" s="126"/>
      <c r="CP69" s="126"/>
      <c r="CQ69" s="126"/>
      <c r="CR69" s="127"/>
      <c r="CS69" s="128">
        <v>99.4</v>
      </c>
      <c r="CT69" s="129"/>
      <c r="CU69" s="129"/>
      <c r="CV69" s="129"/>
      <c r="CW69" s="129">
        <v>98.5</v>
      </c>
      <c r="CX69" s="112"/>
      <c r="CY69" s="112"/>
      <c r="CZ69" s="114"/>
      <c r="DA69" s="128">
        <v>99.4</v>
      </c>
      <c r="DB69" s="112"/>
      <c r="DC69" s="112"/>
      <c r="DD69" s="112"/>
      <c r="DE69" s="129">
        <v>98.2</v>
      </c>
      <c r="DF69" s="112"/>
      <c r="DG69" s="112"/>
      <c r="DH69" s="115"/>
      <c r="DI69" s="5"/>
    </row>
    <row r="70" spans="2:113" ht="13.5" customHeight="1" x14ac:dyDescent="0.15">
      <c r="B70" s="166"/>
      <c r="C70" s="131" t="s">
        <v>29</v>
      </c>
      <c r="D70" s="109"/>
      <c r="E70" s="109"/>
      <c r="F70" s="109"/>
      <c r="G70" s="109"/>
      <c r="H70" s="109"/>
      <c r="I70" s="109"/>
      <c r="J70" s="109"/>
      <c r="K70" s="109"/>
      <c r="L70" s="110"/>
      <c r="M70" s="132">
        <v>3156097</v>
      </c>
      <c r="N70" s="133"/>
      <c r="O70" s="133"/>
      <c r="P70" s="133"/>
      <c r="Q70" s="133"/>
      <c r="R70" s="133"/>
      <c r="S70" s="133"/>
      <c r="T70" s="133"/>
      <c r="U70" s="113">
        <v>0.2</v>
      </c>
      <c r="V70" s="113"/>
      <c r="W70" s="113"/>
      <c r="X70" s="113"/>
      <c r="Y70" s="133">
        <v>118554</v>
      </c>
      <c r="Z70" s="133"/>
      <c r="AA70" s="133"/>
      <c r="AB70" s="133"/>
      <c r="AC70" s="133"/>
      <c r="AD70" s="133"/>
      <c r="AE70" s="133"/>
      <c r="AF70" s="134"/>
      <c r="AG70" s="14"/>
      <c r="AH70" s="7"/>
      <c r="AI70" s="16"/>
      <c r="AJ70" s="16"/>
      <c r="AK70" s="16"/>
      <c r="AL70" s="109" t="s">
        <v>28</v>
      </c>
      <c r="AM70" s="109"/>
      <c r="AN70" s="109"/>
      <c r="AO70" s="109"/>
      <c r="AP70" s="109"/>
      <c r="AQ70" s="109"/>
      <c r="AR70" s="109"/>
      <c r="AS70" s="109"/>
      <c r="AT70" s="109"/>
      <c r="AU70" s="109"/>
      <c r="AV70" s="135"/>
      <c r="AW70" s="181"/>
      <c r="AX70" s="182"/>
      <c r="AY70" s="145" t="s">
        <v>27</v>
      </c>
      <c r="AZ70" s="146"/>
      <c r="BA70" s="146"/>
      <c r="BB70" s="146"/>
      <c r="BC70" s="146"/>
      <c r="BD70" s="146"/>
      <c r="BE70" s="147"/>
      <c r="BF70" s="132">
        <v>3687265</v>
      </c>
      <c r="BG70" s="133"/>
      <c r="BH70" s="133"/>
      <c r="BI70" s="133"/>
      <c r="BJ70" s="133"/>
      <c r="BK70" s="134"/>
      <c r="BL70" s="191"/>
      <c r="BM70" s="194"/>
      <c r="BN70" s="153" t="s">
        <v>26</v>
      </c>
      <c r="BO70" s="153"/>
      <c r="BP70" s="153"/>
      <c r="BQ70" s="153"/>
      <c r="BR70" s="155" t="s">
        <v>25</v>
      </c>
      <c r="BS70" s="109" t="s">
        <v>24</v>
      </c>
      <c r="BT70" s="109"/>
      <c r="BU70" s="109"/>
      <c r="BV70" s="109"/>
      <c r="BW70" s="109"/>
      <c r="BX70" s="109"/>
      <c r="BY70" s="109"/>
      <c r="BZ70" s="132">
        <v>88</v>
      </c>
      <c r="CA70" s="133"/>
      <c r="CB70" s="133"/>
      <c r="CC70" s="133"/>
      <c r="CD70" s="133"/>
      <c r="CE70" s="133"/>
      <c r="CF70" s="150"/>
      <c r="CG70" s="151"/>
      <c r="CH70" s="136" t="s">
        <v>23</v>
      </c>
      <c r="CI70" s="136" t="s">
        <v>22</v>
      </c>
      <c r="CJ70" s="137" t="s">
        <v>21</v>
      </c>
      <c r="CK70" s="109"/>
      <c r="CL70" s="109"/>
      <c r="CM70" s="109"/>
      <c r="CN70" s="109"/>
      <c r="CO70" s="109"/>
      <c r="CP70" s="109"/>
      <c r="CQ70" s="109"/>
      <c r="CR70" s="110"/>
      <c r="CS70" s="128"/>
      <c r="CT70" s="129"/>
      <c r="CU70" s="129"/>
      <c r="CV70" s="129"/>
      <c r="CW70" s="112"/>
      <c r="CX70" s="112"/>
      <c r="CY70" s="112"/>
      <c r="CZ70" s="114"/>
      <c r="DA70" s="130"/>
      <c r="DB70" s="112"/>
      <c r="DC70" s="112"/>
      <c r="DD70" s="112"/>
      <c r="DE70" s="112"/>
      <c r="DF70" s="112"/>
      <c r="DG70" s="112"/>
      <c r="DH70" s="115"/>
      <c r="DI70" s="5"/>
    </row>
    <row r="71" spans="2:113" ht="13.5" customHeight="1" x14ac:dyDescent="0.15">
      <c r="B71" s="15"/>
      <c r="C71" s="138" t="s">
        <v>20</v>
      </c>
      <c r="D71" s="139"/>
      <c r="E71" s="139"/>
      <c r="F71" s="139"/>
      <c r="G71" s="139"/>
      <c r="H71" s="139"/>
      <c r="I71" s="139"/>
      <c r="J71" s="139"/>
      <c r="K71" s="139"/>
      <c r="L71" s="140"/>
      <c r="M71" s="141" t="s">
        <v>15</v>
      </c>
      <c r="N71" s="142"/>
      <c r="O71" s="142"/>
      <c r="P71" s="142"/>
      <c r="Q71" s="142"/>
      <c r="R71" s="142"/>
      <c r="S71" s="142"/>
      <c r="T71" s="142"/>
      <c r="U71" s="143" t="s">
        <v>19</v>
      </c>
      <c r="V71" s="143"/>
      <c r="W71" s="143"/>
      <c r="X71" s="143"/>
      <c r="Y71" s="142" t="s">
        <v>19</v>
      </c>
      <c r="Z71" s="142"/>
      <c r="AA71" s="142"/>
      <c r="AB71" s="142"/>
      <c r="AC71" s="142"/>
      <c r="AD71" s="142"/>
      <c r="AE71" s="142"/>
      <c r="AF71" s="144"/>
      <c r="AG71" s="14"/>
      <c r="AH71" s="109" t="s">
        <v>18</v>
      </c>
      <c r="AI71" s="109"/>
      <c r="AJ71" s="109"/>
      <c r="AK71" s="109"/>
      <c r="AL71" s="109"/>
      <c r="AM71" s="109"/>
      <c r="AN71" s="109"/>
      <c r="AO71" s="109"/>
      <c r="AP71" s="109"/>
      <c r="AQ71" s="109"/>
      <c r="AR71" s="109"/>
      <c r="AS71" s="109"/>
      <c r="AT71" s="109"/>
      <c r="AU71" s="109"/>
      <c r="AV71" s="135"/>
      <c r="AW71" s="181"/>
      <c r="AX71" s="182"/>
      <c r="AY71" s="145" t="s">
        <v>17</v>
      </c>
      <c r="AZ71" s="146"/>
      <c r="BA71" s="146"/>
      <c r="BB71" s="146"/>
      <c r="BC71" s="146"/>
      <c r="BD71" s="146"/>
      <c r="BE71" s="147"/>
      <c r="BF71" s="132">
        <v>33595974</v>
      </c>
      <c r="BG71" s="133"/>
      <c r="BH71" s="133"/>
      <c r="BI71" s="133"/>
      <c r="BJ71" s="133"/>
      <c r="BK71" s="134"/>
      <c r="BL71" s="191"/>
      <c r="BM71" s="194"/>
      <c r="BN71" s="153"/>
      <c r="BO71" s="153"/>
      <c r="BP71" s="153"/>
      <c r="BQ71" s="153"/>
      <c r="BR71" s="155"/>
      <c r="BS71" s="109" t="s">
        <v>16</v>
      </c>
      <c r="BT71" s="109"/>
      <c r="BU71" s="109"/>
      <c r="BV71" s="109"/>
      <c r="BW71" s="109"/>
      <c r="BX71" s="109"/>
      <c r="BY71" s="109"/>
      <c r="BZ71" s="132" t="s">
        <v>15</v>
      </c>
      <c r="CA71" s="133"/>
      <c r="CB71" s="133"/>
      <c r="CC71" s="133"/>
      <c r="CD71" s="133"/>
      <c r="CE71" s="133"/>
      <c r="CF71" s="150"/>
      <c r="CG71" s="151"/>
      <c r="CH71" s="136"/>
      <c r="CI71" s="136"/>
      <c r="CJ71" s="137"/>
      <c r="CK71" s="109" t="s">
        <v>14</v>
      </c>
      <c r="CL71" s="109"/>
      <c r="CM71" s="109"/>
      <c r="CN71" s="109"/>
      <c r="CO71" s="109"/>
      <c r="CP71" s="109"/>
      <c r="CQ71" s="109"/>
      <c r="CR71" s="110"/>
      <c r="CS71" s="111">
        <v>99.1</v>
      </c>
      <c r="CT71" s="112"/>
      <c r="CU71" s="112"/>
      <c r="CV71" s="112"/>
      <c r="CW71" s="113">
        <v>97.6</v>
      </c>
      <c r="CX71" s="112"/>
      <c r="CY71" s="112"/>
      <c r="CZ71" s="114"/>
      <c r="DA71" s="111">
        <v>99.1</v>
      </c>
      <c r="DB71" s="112"/>
      <c r="DC71" s="112"/>
      <c r="DD71" s="112"/>
      <c r="DE71" s="113">
        <v>97</v>
      </c>
      <c r="DF71" s="112"/>
      <c r="DG71" s="112"/>
      <c r="DH71" s="115"/>
      <c r="DI71" s="5"/>
    </row>
    <row r="72" spans="2:113" ht="13.5" customHeight="1" thickBot="1" x14ac:dyDescent="0.2">
      <c r="B72" s="116" t="s">
        <v>13</v>
      </c>
      <c r="C72" s="97"/>
      <c r="D72" s="97"/>
      <c r="E72" s="97"/>
      <c r="F72" s="97"/>
      <c r="G72" s="97"/>
      <c r="H72" s="97"/>
      <c r="I72" s="97"/>
      <c r="J72" s="97"/>
      <c r="K72" s="97"/>
      <c r="L72" s="98"/>
      <c r="M72" s="117">
        <v>1758571784</v>
      </c>
      <c r="N72" s="118"/>
      <c r="O72" s="118"/>
      <c r="P72" s="118"/>
      <c r="Q72" s="118"/>
      <c r="R72" s="118"/>
      <c r="S72" s="118"/>
      <c r="T72" s="118"/>
      <c r="U72" s="119">
        <v>100</v>
      </c>
      <c r="V72" s="119"/>
      <c r="W72" s="119"/>
      <c r="X72" s="119"/>
      <c r="Y72" s="118">
        <v>1006197168</v>
      </c>
      <c r="Z72" s="118"/>
      <c r="AA72" s="118"/>
      <c r="AB72" s="118"/>
      <c r="AC72" s="118"/>
      <c r="AD72" s="118"/>
      <c r="AE72" s="118"/>
      <c r="AF72" s="120"/>
      <c r="AG72" s="13"/>
      <c r="AH72" s="121">
        <v>1008763616</v>
      </c>
      <c r="AI72" s="121"/>
      <c r="AJ72" s="121"/>
      <c r="AK72" s="121"/>
      <c r="AL72" s="121"/>
      <c r="AM72" s="121"/>
      <c r="AN72" s="121"/>
      <c r="AO72" s="121"/>
      <c r="AP72" s="121"/>
      <c r="AQ72" s="121"/>
      <c r="AR72" s="121"/>
      <c r="AS72" s="121"/>
      <c r="AT72" s="97" t="s">
        <v>12</v>
      </c>
      <c r="AU72" s="97"/>
      <c r="AV72" s="12"/>
      <c r="AW72" s="183"/>
      <c r="AX72" s="184"/>
      <c r="AY72" s="122" t="s">
        <v>11</v>
      </c>
      <c r="AZ72" s="123"/>
      <c r="BA72" s="123"/>
      <c r="BB72" s="123"/>
      <c r="BC72" s="123"/>
      <c r="BD72" s="123"/>
      <c r="BE72" s="124"/>
      <c r="BF72" s="102">
        <v>76766307</v>
      </c>
      <c r="BG72" s="103"/>
      <c r="BH72" s="103"/>
      <c r="BI72" s="103"/>
      <c r="BJ72" s="103"/>
      <c r="BK72" s="104"/>
      <c r="BL72" s="192"/>
      <c r="BM72" s="195"/>
      <c r="BN72" s="154"/>
      <c r="BO72" s="154"/>
      <c r="BP72" s="154"/>
      <c r="BQ72" s="154"/>
      <c r="BR72" s="156"/>
      <c r="BS72" s="97" t="s">
        <v>10</v>
      </c>
      <c r="BT72" s="97"/>
      <c r="BU72" s="97"/>
      <c r="BV72" s="97"/>
      <c r="BW72" s="97"/>
      <c r="BX72" s="97"/>
      <c r="BY72" s="97"/>
      <c r="BZ72" s="102">
        <v>311</v>
      </c>
      <c r="CA72" s="103"/>
      <c r="CB72" s="103"/>
      <c r="CC72" s="103"/>
      <c r="CD72" s="103"/>
      <c r="CE72" s="104"/>
      <c r="CF72" s="105" t="s">
        <v>9</v>
      </c>
      <c r="CG72" s="106"/>
      <c r="CH72" s="107" t="s">
        <v>8</v>
      </c>
      <c r="CI72" s="107"/>
      <c r="CJ72" s="108"/>
      <c r="CK72" s="97" t="s">
        <v>7</v>
      </c>
      <c r="CL72" s="97"/>
      <c r="CM72" s="97"/>
      <c r="CN72" s="97"/>
      <c r="CO72" s="97"/>
      <c r="CP72" s="97"/>
      <c r="CQ72" s="97"/>
      <c r="CR72" s="98"/>
      <c r="CS72" s="93">
        <v>99.7</v>
      </c>
      <c r="CT72" s="94"/>
      <c r="CU72" s="94"/>
      <c r="CV72" s="94"/>
      <c r="CW72" s="95">
        <v>99.3</v>
      </c>
      <c r="CX72" s="94"/>
      <c r="CY72" s="94"/>
      <c r="CZ72" s="96"/>
      <c r="DA72" s="93">
        <v>99.7</v>
      </c>
      <c r="DB72" s="94"/>
      <c r="DC72" s="94"/>
      <c r="DD72" s="94"/>
      <c r="DE72" s="95">
        <v>99.1</v>
      </c>
      <c r="DF72" s="94"/>
      <c r="DG72" s="94"/>
      <c r="DH72" s="125"/>
      <c r="DI72" s="5"/>
    </row>
    <row r="73" spans="2:113" ht="13.5" customHeight="1" x14ac:dyDescent="0.15">
      <c r="B73" s="99" t="s">
        <v>6</v>
      </c>
      <c r="C73" s="99"/>
      <c r="D73" s="99"/>
      <c r="E73" s="99"/>
      <c r="F73" s="99"/>
      <c r="G73" s="99"/>
      <c r="H73" s="99"/>
      <c r="I73" s="99"/>
      <c r="J73" s="99"/>
      <c r="K73" s="99"/>
      <c r="L73" s="99"/>
      <c r="M73" s="99"/>
      <c r="N73" s="99"/>
      <c r="O73" s="99"/>
      <c r="P73" s="99"/>
      <c r="Q73" s="99"/>
      <c r="R73" s="99"/>
      <c r="S73" s="99"/>
      <c r="T73" s="99"/>
      <c r="U73" s="99"/>
      <c r="V73" s="99"/>
      <c r="W73" s="99"/>
      <c r="X73" s="99"/>
      <c r="Y73" s="99"/>
      <c r="Z73" s="99"/>
      <c r="AA73" s="99"/>
      <c r="AB73" s="99"/>
      <c r="AC73" s="99"/>
      <c r="AD73" s="99"/>
      <c r="AE73" s="99"/>
      <c r="AF73" s="99"/>
      <c r="AG73" s="99"/>
      <c r="AH73" s="99"/>
      <c r="AI73" s="99"/>
      <c r="AJ73" s="99"/>
      <c r="AK73" s="99"/>
      <c r="AL73" s="99"/>
      <c r="AM73" s="99"/>
      <c r="AN73" s="99"/>
      <c r="AO73" s="99"/>
      <c r="AP73" s="99"/>
      <c r="AQ73" s="99"/>
      <c r="AR73" s="99"/>
      <c r="AS73" s="99"/>
      <c r="AT73" s="99"/>
      <c r="AU73" s="99"/>
      <c r="AV73" s="99"/>
      <c r="AW73" s="99"/>
      <c r="AX73" s="99"/>
      <c r="AY73" s="99"/>
      <c r="AZ73" s="99"/>
      <c r="BA73" s="99"/>
      <c r="BB73" s="99"/>
      <c r="BC73" s="99"/>
      <c r="BD73" s="99"/>
      <c r="BE73" s="99"/>
      <c r="BF73" s="99"/>
      <c r="BG73" s="99"/>
      <c r="BH73" s="99"/>
      <c r="BI73" s="99"/>
      <c r="BJ73" s="99"/>
      <c r="BK73" s="99"/>
      <c r="BL73" s="99"/>
      <c r="BM73" s="99"/>
      <c r="BN73" s="99"/>
      <c r="BO73" s="99"/>
      <c r="BP73" s="99"/>
      <c r="BQ73" s="99"/>
      <c r="BR73" s="99"/>
      <c r="BS73" s="99"/>
      <c r="BT73" s="99"/>
      <c r="BU73" s="99"/>
      <c r="BV73" s="99"/>
      <c r="BW73" s="99"/>
      <c r="BX73" s="99"/>
      <c r="BY73" s="99"/>
      <c r="BZ73" s="99"/>
      <c r="CA73" s="99"/>
      <c r="CB73" s="99"/>
      <c r="CC73" s="99"/>
      <c r="CD73" s="99"/>
      <c r="CE73" s="99"/>
      <c r="CF73" s="99"/>
      <c r="CG73" s="99"/>
      <c r="CH73" s="99"/>
      <c r="CI73" s="99"/>
      <c r="CJ73" s="99"/>
      <c r="CK73" s="99"/>
      <c r="CL73" s="99"/>
      <c r="CN73" s="11"/>
      <c r="CO73" s="10"/>
      <c r="CP73" s="10"/>
      <c r="CQ73" s="10"/>
      <c r="CR73" s="10"/>
      <c r="CS73" s="10"/>
      <c r="CT73" s="9"/>
      <c r="CU73" s="9"/>
      <c r="CV73" s="9"/>
      <c r="CW73" s="9"/>
      <c r="CX73" s="9"/>
      <c r="CY73" s="9"/>
      <c r="CZ73" s="9"/>
      <c r="DA73" s="9"/>
      <c r="DB73" s="9"/>
      <c r="DC73" s="9"/>
      <c r="DD73" s="9"/>
      <c r="DE73" s="9"/>
      <c r="DF73" s="9"/>
      <c r="DG73" s="9"/>
      <c r="DH73" s="9"/>
    </row>
    <row r="74" spans="2:113" ht="13.5" customHeight="1" x14ac:dyDescent="0.15">
      <c r="B74" s="100" t="s">
        <v>5</v>
      </c>
      <c r="C74" s="100"/>
      <c r="D74" s="100"/>
      <c r="E74" s="100"/>
      <c r="F74" s="100"/>
      <c r="G74" s="100"/>
      <c r="H74" s="100"/>
      <c r="I74" s="100"/>
      <c r="J74" s="100"/>
      <c r="K74" s="100"/>
      <c r="L74" s="100"/>
      <c r="M74" s="100"/>
      <c r="N74" s="100"/>
      <c r="O74" s="100"/>
      <c r="P74" s="100"/>
      <c r="Q74" s="100"/>
      <c r="R74" s="100"/>
      <c r="S74" s="100"/>
      <c r="T74" s="100"/>
      <c r="U74" s="100"/>
      <c r="V74" s="100"/>
      <c r="W74" s="100"/>
      <c r="X74" s="100"/>
      <c r="Y74" s="100"/>
      <c r="Z74" s="100"/>
      <c r="AA74" s="100"/>
      <c r="AB74" s="100"/>
      <c r="AC74" s="100"/>
      <c r="AD74" s="100"/>
      <c r="AE74" s="100"/>
      <c r="AF74" s="100"/>
      <c r="AG74" s="100"/>
      <c r="AH74" s="100"/>
      <c r="AI74" s="100"/>
      <c r="AJ74" s="100"/>
      <c r="AK74" s="100"/>
      <c r="AL74" s="100"/>
      <c r="AM74" s="100"/>
      <c r="AN74" s="100"/>
      <c r="AO74" s="100"/>
      <c r="AP74" s="100"/>
      <c r="AQ74" s="100"/>
      <c r="AR74" s="100"/>
      <c r="AS74" s="100"/>
      <c r="AT74" s="100"/>
      <c r="AU74" s="100"/>
      <c r="AV74" s="100"/>
      <c r="AW74" s="100"/>
      <c r="AX74" s="100"/>
      <c r="AY74" s="100"/>
      <c r="AZ74" s="100"/>
      <c r="BA74" s="100"/>
      <c r="BB74" s="100"/>
      <c r="BC74" s="100"/>
      <c r="BD74" s="100"/>
      <c r="BE74" s="100"/>
      <c r="BF74" s="100"/>
      <c r="BG74" s="100"/>
      <c r="BH74" s="100"/>
      <c r="BI74" s="100"/>
      <c r="BJ74" s="100"/>
      <c r="BK74" s="100"/>
      <c r="BL74" s="100"/>
      <c r="BM74" s="100"/>
      <c r="BN74" s="100"/>
      <c r="BO74" s="100"/>
      <c r="BP74" s="100"/>
      <c r="BQ74" s="100"/>
      <c r="BR74" s="100"/>
      <c r="BS74" s="100"/>
      <c r="BT74" s="100"/>
      <c r="BU74" s="100"/>
      <c r="BV74" s="100"/>
      <c r="BW74" s="100"/>
      <c r="BX74" s="100"/>
      <c r="BY74" s="100"/>
      <c r="BZ74" s="100"/>
      <c r="CA74" s="100"/>
      <c r="CB74" s="100"/>
      <c r="CC74" s="100"/>
      <c r="CD74" s="100"/>
      <c r="CE74" s="100"/>
      <c r="CF74" s="100"/>
      <c r="CG74" s="100"/>
      <c r="CH74" s="100"/>
      <c r="CI74" s="100"/>
      <c r="CJ74" s="100"/>
      <c r="CK74" s="100"/>
      <c r="CL74" s="100"/>
      <c r="CN74" s="8"/>
      <c r="CO74" s="8"/>
      <c r="CP74" s="8"/>
      <c r="CQ74" s="8"/>
      <c r="CR74" s="8"/>
      <c r="CS74" s="8"/>
      <c r="CT74" s="8"/>
      <c r="CU74" s="8"/>
      <c r="CV74" s="8"/>
      <c r="CW74" s="7"/>
      <c r="CZ74" s="7"/>
      <c r="DA74" s="7"/>
      <c r="DB74" s="5"/>
      <c r="DC74" s="5"/>
      <c r="DD74" s="5"/>
      <c r="DE74" s="101" t="s">
        <v>4</v>
      </c>
      <c r="DF74" s="101"/>
      <c r="DG74" s="101"/>
      <c r="DH74" s="101"/>
    </row>
    <row r="75" spans="2:113" ht="13.5" customHeight="1" x14ac:dyDescent="0.15">
      <c r="B75" s="91" t="s">
        <v>3</v>
      </c>
      <c r="C75" s="91"/>
      <c r="D75" s="91"/>
      <c r="E75" s="91"/>
      <c r="F75" s="91"/>
      <c r="G75" s="91"/>
      <c r="H75" s="91"/>
      <c r="I75" s="91"/>
      <c r="J75" s="91"/>
      <c r="K75" s="91"/>
      <c r="L75" s="91"/>
      <c r="M75" s="91"/>
      <c r="N75" s="91"/>
      <c r="O75" s="91"/>
      <c r="P75" s="91"/>
      <c r="Q75" s="91"/>
      <c r="R75" s="91"/>
      <c r="S75" s="91"/>
      <c r="T75" s="91"/>
      <c r="U75" s="91"/>
      <c r="V75" s="91"/>
      <c r="W75" s="91"/>
      <c r="X75" s="91"/>
      <c r="Y75" s="91"/>
      <c r="Z75" s="91"/>
      <c r="AA75" s="91"/>
      <c r="AB75" s="91"/>
      <c r="AC75" s="91"/>
      <c r="AD75" s="91"/>
      <c r="AE75" s="91"/>
      <c r="AF75" s="91"/>
      <c r="AG75" s="91"/>
      <c r="AH75" s="91"/>
      <c r="AI75" s="91"/>
      <c r="AJ75" s="91"/>
      <c r="AK75" s="91"/>
      <c r="AL75" s="91"/>
      <c r="AM75" s="91"/>
      <c r="AN75" s="91"/>
      <c r="AO75" s="91"/>
      <c r="AP75" s="91"/>
      <c r="AQ75" s="91"/>
      <c r="AR75" s="91"/>
      <c r="AS75" s="91"/>
      <c r="AT75" s="91"/>
      <c r="AU75" s="91"/>
      <c r="AV75" s="91"/>
      <c r="AW75" s="91"/>
      <c r="AX75" s="91"/>
      <c r="AY75" s="91"/>
      <c r="AZ75" s="91"/>
      <c r="BA75" s="91"/>
      <c r="BB75" s="91"/>
      <c r="BC75" s="91"/>
      <c r="BD75" s="91"/>
      <c r="BE75" s="91"/>
      <c r="BF75" s="91"/>
      <c r="BG75" s="91"/>
      <c r="BH75" s="91"/>
      <c r="BI75" s="91"/>
      <c r="BJ75" s="91"/>
      <c r="BK75" s="91"/>
      <c r="BL75" s="91"/>
      <c r="BM75" s="91"/>
      <c r="BN75" s="91"/>
      <c r="BO75" s="91"/>
      <c r="BP75" s="91"/>
      <c r="BQ75" s="91"/>
      <c r="BR75" s="91"/>
      <c r="BS75" s="91"/>
      <c r="BT75" s="91"/>
      <c r="BU75" s="91"/>
      <c r="BV75" s="91"/>
      <c r="BW75" s="91"/>
      <c r="BX75" s="91"/>
      <c r="BY75" s="91"/>
      <c r="BZ75" s="91"/>
      <c r="CA75" s="91"/>
      <c r="CB75" s="91"/>
      <c r="CC75" s="91"/>
      <c r="CD75" s="91"/>
      <c r="CE75" s="91"/>
      <c r="CF75" s="91"/>
      <c r="CG75" s="91"/>
      <c r="CH75" s="91"/>
      <c r="CI75" s="91"/>
      <c r="CJ75" s="91"/>
      <c r="CK75" s="91"/>
      <c r="CL75" s="91"/>
      <c r="CN75" s="4"/>
      <c r="CO75" s="4"/>
      <c r="CP75" s="4"/>
      <c r="CQ75" s="4"/>
      <c r="CR75" s="4"/>
      <c r="CS75" s="4"/>
      <c r="CT75" s="4"/>
      <c r="CU75" s="4"/>
      <c r="CV75" s="4"/>
      <c r="CW75" s="6"/>
      <c r="CZ75" s="5"/>
      <c r="DA75" s="5"/>
      <c r="DB75" s="5"/>
      <c r="DC75" s="5"/>
      <c r="DD75" s="5"/>
    </row>
    <row r="76" spans="2:113" ht="13.5" customHeight="1" x14ac:dyDescent="0.15">
      <c r="B76" s="91" t="s">
        <v>2</v>
      </c>
      <c r="C76" s="91"/>
      <c r="D76" s="91"/>
      <c r="E76" s="91"/>
      <c r="F76" s="91"/>
      <c r="G76" s="91"/>
      <c r="H76" s="91"/>
      <c r="I76" s="91"/>
      <c r="J76" s="91"/>
      <c r="K76" s="91"/>
      <c r="L76" s="91"/>
      <c r="M76" s="91"/>
      <c r="N76" s="91"/>
      <c r="O76" s="91"/>
      <c r="P76" s="91"/>
      <c r="Q76" s="91"/>
      <c r="R76" s="91"/>
      <c r="S76" s="91"/>
      <c r="T76" s="91"/>
      <c r="U76" s="91"/>
      <c r="V76" s="91"/>
      <c r="W76" s="91"/>
      <c r="X76" s="91"/>
      <c r="Y76" s="91"/>
      <c r="Z76" s="91"/>
      <c r="AA76" s="91"/>
      <c r="AB76" s="91"/>
      <c r="AC76" s="91"/>
      <c r="AD76" s="91"/>
      <c r="AE76" s="91"/>
      <c r="AF76" s="91"/>
      <c r="AG76" s="91"/>
      <c r="AH76" s="91"/>
      <c r="AI76" s="91"/>
      <c r="AJ76" s="91"/>
      <c r="AK76" s="91"/>
      <c r="AL76" s="91"/>
      <c r="AM76" s="91"/>
      <c r="AN76" s="91"/>
      <c r="AO76" s="91"/>
      <c r="AP76" s="91"/>
      <c r="AQ76" s="91"/>
      <c r="AR76" s="91"/>
      <c r="AS76" s="91"/>
      <c r="AT76" s="91"/>
      <c r="AU76" s="91"/>
      <c r="AV76" s="91"/>
      <c r="AW76" s="91"/>
      <c r="AX76" s="91"/>
      <c r="AY76" s="91"/>
      <c r="AZ76" s="91"/>
      <c r="BA76" s="91"/>
      <c r="BB76" s="91"/>
      <c r="BC76" s="91"/>
      <c r="BD76" s="91"/>
      <c r="BE76" s="91"/>
      <c r="BF76" s="91"/>
      <c r="BG76" s="91"/>
      <c r="BH76" s="91"/>
      <c r="BI76" s="91"/>
      <c r="BJ76" s="91"/>
      <c r="BK76" s="91"/>
      <c r="BL76" s="91"/>
      <c r="BM76" s="91"/>
      <c r="BN76" s="91"/>
      <c r="BO76" s="91"/>
      <c r="BP76" s="91"/>
      <c r="BQ76" s="91"/>
      <c r="BR76" s="91"/>
      <c r="BS76" s="91"/>
      <c r="BT76" s="91"/>
      <c r="BU76" s="91"/>
      <c r="BV76" s="91"/>
      <c r="BW76" s="91"/>
      <c r="BX76" s="91"/>
      <c r="BY76" s="91"/>
      <c r="BZ76" s="91"/>
      <c r="CA76" s="91"/>
      <c r="CB76" s="91"/>
      <c r="CC76" s="91"/>
      <c r="CD76" s="91"/>
      <c r="CE76" s="91"/>
      <c r="CF76" s="91"/>
      <c r="CG76" s="91"/>
      <c r="CH76" s="91"/>
      <c r="CI76" s="91"/>
      <c r="CJ76" s="91"/>
      <c r="CK76" s="91"/>
      <c r="CL76" s="91"/>
      <c r="CN76" s="4"/>
      <c r="CO76" s="4"/>
      <c r="CP76" s="4"/>
      <c r="CQ76" s="4"/>
      <c r="CR76" s="4"/>
      <c r="CS76" s="4"/>
      <c r="CT76" s="4"/>
      <c r="CU76" s="4"/>
      <c r="CV76" s="4"/>
    </row>
    <row r="77" spans="2:113" ht="13.5" customHeight="1" x14ac:dyDescent="0.15">
      <c r="B77" s="92" t="s">
        <v>1</v>
      </c>
      <c r="C77" s="92"/>
      <c r="D77" s="92"/>
      <c r="E77" s="92"/>
      <c r="F77" s="92"/>
      <c r="G77" s="92"/>
      <c r="H77" s="92"/>
      <c r="I77" s="92"/>
      <c r="J77" s="92"/>
      <c r="K77" s="92"/>
      <c r="L77" s="92"/>
      <c r="M77" s="92"/>
      <c r="N77" s="92"/>
      <c r="O77" s="92"/>
      <c r="P77" s="92"/>
      <c r="Q77" s="92"/>
      <c r="R77" s="92"/>
      <c r="S77" s="92"/>
      <c r="T77" s="92"/>
      <c r="U77" s="92"/>
      <c r="V77" s="92"/>
      <c r="W77" s="92"/>
      <c r="X77" s="92"/>
      <c r="Y77" s="92"/>
      <c r="Z77" s="92"/>
      <c r="AA77" s="92"/>
      <c r="AB77" s="92"/>
      <c r="AC77" s="92"/>
      <c r="AD77" s="92"/>
      <c r="AE77" s="92"/>
      <c r="AF77" s="92"/>
      <c r="AG77" s="92"/>
      <c r="AH77" s="92"/>
      <c r="AI77" s="92"/>
      <c r="AJ77" s="92"/>
      <c r="AK77" s="92"/>
      <c r="AL77" s="92"/>
      <c r="AM77" s="92"/>
      <c r="AN77" s="92"/>
      <c r="AO77" s="92"/>
      <c r="AP77" s="92"/>
      <c r="AQ77" s="92"/>
      <c r="AR77" s="92"/>
      <c r="AS77" s="92"/>
      <c r="AT77" s="92"/>
      <c r="AU77" s="92"/>
      <c r="AV77" s="92"/>
      <c r="AW77" s="92"/>
      <c r="AX77" s="92"/>
      <c r="AY77" s="92"/>
      <c r="AZ77" s="92"/>
      <c r="BA77" s="92"/>
      <c r="BB77" s="92"/>
      <c r="BC77" s="92"/>
      <c r="BD77" s="92"/>
      <c r="BE77" s="92"/>
      <c r="BF77" s="92"/>
      <c r="BG77" s="92"/>
      <c r="BH77" s="92"/>
      <c r="BI77" s="92"/>
      <c r="BJ77" s="92"/>
      <c r="BK77" s="92"/>
      <c r="BL77" s="92"/>
      <c r="BM77" s="92"/>
      <c r="BN77" s="92"/>
      <c r="BO77" s="92"/>
      <c r="BP77" s="92"/>
      <c r="BQ77" s="92"/>
      <c r="BR77" s="92"/>
      <c r="BS77" s="92"/>
      <c r="BT77" s="92"/>
      <c r="BU77" s="92"/>
      <c r="BV77" s="92"/>
      <c r="BW77" s="92"/>
      <c r="BX77" s="92"/>
      <c r="BY77" s="92"/>
      <c r="BZ77" s="92"/>
      <c r="CA77" s="92"/>
      <c r="CB77" s="92"/>
      <c r="CC77" s="92"/>
      <c r="CD77" s="92"/>
      <c r="CE77" s="92"/>
      <c r="CF77" s="92"/>
      <c r="CG77" s="92"/>
      <c r="CH77" s="92"/>
      <c r="CI77" s="92"/>
      <c r="CJ77" s="92"/>
      <c r="CK77" s="92"/>
      <c r="CL77" s="92"/>
      <c r="CN77" s="4"/>
      <c r="CO77" s="4"/>
      <c r="CP77" s="4"/>
      <c r="CQ77" s="4"/>
      <c r="CR77" s="4"/>
      <c r="CS77" s="4"/>
      <c r="CT77" s="4"/>
      <c r="CU77" s="4"/>
      <c r="CV77" s="4"/>
    </row>
    <row r="78" spans="2:113" ht="13.5" customHeight="1" x14ac:dyDescent="0.15">
      <c r="B78" s="92" t="s">
        <v>0</v>
      </c>
      <c r="C78" s="92"/>
      <c r="D78" s="92"/>
      <c r="E78" s="92"/>
      <c r="F78" s="92"/>
      <c r="G78" s="92"/>
      <c r="H78" s="92"/>
      <c r="I78" s="92"/>
      <c r="J78" s="92"/>
      <c r="K78" s="92"/>
      <c r="L78" s="92"/>
      <c r="M78" s="92"/>
      <c r="N78" s="92"/>
      <c r="O78" s="92"/>
      <c r="P78" s="92"/>
      <c r="Q78" s="92"/>
      <c r="R78" s="92"/>
      <c r="S78" s="92"/>
      <c r="T78" s="92"/>
      <c r="U78" s="92"/>
      <c r="V78" s="92"/>
      <c r="W78" s="92"/>
      <c r="X78" s="92"/>
      <c r="Y78" s="92"/>
      <c r="Z78" s="92"/>
      <c r="AA78" s="92"/>
      <c r="AB78" s="92"/>
      <c r="AC78" s="92"/>
      <c r="AD78" s="92"/>
      <c r="AE78" s="92"/>
      <c r="AF78" s="92"/>
      <c r="AG78" s="92"/>
      <c r="AH78" s="92"/>
      <c r="AI78" s="92"/>
      <c r="AJ78" s="92"/>
      <c r="AK78" s="92"/>
      <c r="AL78" s="92"/>
      <c r="AM78" s="92"/>
      <c r="AN78" s="92"/>
      <c r="AO78" s="92"/>
      <c r="AP78" s="92"/>
      <c r="AQ78" s="92"/>
      <c r="AR78" s="92"/>
      <c r="AS78" s="92"/>
      <c r="AT78" s="92"/>
      <c r="AU78" s="92"/>
      <c r="AV78" s="92"/>
      <c r="AW78" s="92"/>
      <c r="AX78" s="92"/>
      <c r="AY78" s="92"/>
      <c r="AZ78" s="92"/>
      <c r="BA78" s="92"/>
      <c r="BB78" s="92"/>
      <c r="BC78" s="92"/>
      <c r="BD78" s="92"/>
      <c r="BE78" s="92"/>
      <c r="BF78" s="92"/>
      <c r="BG78" s="92"/>
      <c r="BH78" s="92"/>
      <c r="BI78" s="92"/>
      <c r="BJ78" s="92"/>
      <c r="BK78" s="92"/>
      <c r="BL78" s="92"/>
      <c r="BM78" s="92"/>
      <c r="BN78" s="92"/>
      <c r="BO78" s="92"/>
      <c r="BP78" s="92"/>
      <c r="BQ78" s="92"/>
      <c r="BR78" s="92"/>
      <c r="BS78" s="92"/>
      <c r="BT78" s="92"/>
      <c r="BU78" s="92"/>
      <c r="BV78" s="92"/>
      <c r="BW78" s="92"/>
      <c r="BX78" s="92"/>
      <c r="BY78" s="92"/>
      <c r="BZ78" s="92"/>
      <c r="CA78" s="92"/>
      <c r="CB78" s="92"/>
      <c r="CC78" s="92"/>
      <c r="CD78" s="92"/>
      <c r="CE78" s="92"/>
      <c r="CF78" s="92"/>
      <c r="CG78" s="92"/>
      <c r="CH78" s="92"/>
      <c r="CI78" s="92"/>
      <c r="CJ78" s="92"/>
      <c r="CK78" s="92"/>
      <c r="CL78" s="92"/>
      <c r="CN78" s="2"/>
      <c r="CO78" s="2"/>
      <c r="CP78" s="2"/>
      <c r="CQ78" s="2"/>
      <c r="CR78" s="2"/>
      <c r="CS78" s="2"/>
      <c r="CT78" s="2"/>
      <c r="CU78" s="2"/>
      <c r="CV78" s="2"/>
    </row>
    <row r="79" spans="2:113" ht="13.5" customHeight="1" x14ac:dyDescent="0.15">
      <c r="B79" s="3"/>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c r="AG79" s="3"/>
      <c r="AH79" s="3"/>
      <c r="AI79" s="3"/>
      <c r="AJ79" s="3"/>
      <c r="AK79" s="3"/>
      <c r="AL79" s="3"/>
      <c r="AM79" s="3"/>
      <c r="AN79" s="3"/>
      <c r="AO79" s="3"/>
      <c r="AP79" s="3"/>
      <c r="AQ79" s="3"/>
      <c r="AR79" s="3"/>
      <c r="AS79" s="3"/>
      <c r="AT79" s="3"/>
      <c r="AU79" s="3"/>
      <c r="AV79" s="3"/>
      <c r="AW79" s="3"/>
      <c r="AX79" s="3"/>
      <c r="AY79" s="3"/>
      <c r="AZ79" s="3"/>
      <c r="BA79" s="3"/>
      <c r="BB79" s="3"/>
      <c r="BC79" s="3"/>
      <c r="BD79" s="3"/>
      <c r="BE79" s="3"/>
      <c r="BF79" s="3"/>
      <c r="BG79" s="3"/>
      <c r="BH79" s="3"/>
      <c r="BI79" s="3"/>
      <c r="BJ79" s="3"/>
      <c r="BK79" s="3"/>
      <c r="BL79" s="3"/>
      <c r="BM79" s="3"/>
      <c r="BN79" s="3"/>
      <c r="BO79" s="3"/>
      <c r="BP79" s="3"/>
      <c r="BQ79" s="3"/>
      <c r="BR79" s="3"/>
      <c r="BS79" s="3"/>
      <c r="BT79" s="3"/>
      <c r="BU79" s="3"/>
      <c r="BV79" s="3"/>
      <c r="BW79" s="3"/>
      <c r="BX79" s="3"/>
      <c r="BY79" s="3"/>
      <c r="BZ79" s="3"/>
      <c r="CA79" s="3"/>
      <c r="CB79" s="3"/>
      <c r="CC79" s="3"/>
      <c r="CD79" s="3"/>
      <c r="CE79" s="3"/>
      <c r="CF79" s="3"/>
      <c r="CG79" s="3"/>
      <c r="CH79" s="3"/>
      <c r="CI79" s="3"/>
      <c r="CJ79" s="3"/>
      <c r="CK79" s="3"/>
      <c r="CL79" s="3"/>
      <c r="CM79" s="2"/>
      <c r="CN79" s="2"/>
      <c r="CO79" s="2"/>
      <c r="CP79" s="2"/>
      <c r="CQ79" s="2"/>
      <c r="CR79" s="2"/>
      <c r="CS79" s="2"/>
      <c r="CT79" s="2"/>
      <c r="CU79" s="2"/>
      <c r="CV79" s="2"/>
    </row>
  </sheetData>
  <sheetProtection algorithmName="SHA-512" hashValue="zZ6NYxujIaQ4N7Ky5ks6mvLrxCldhSC9YRx3kevqMjcr+FS4Z6ostw5lNJDXs4sCZ6EslYSjyMNHfaOajxy44A==" saltValue="luCO7ki8b+tg3QVykF/dsg==" spinCount="100000" sheet="1" objects="1" scenarios="1"/>
  <mergeCells count="905">
    <mergeCell ref="D2:Q4"/>
    <mergeCell ref="U2:V4"/>
    <mergeCell ref="W2:AB2"/>
    <mergeCell ref="AC2:AH2"/>
    <mergeCell ref="AI2:AJ2"/>
    <mergeCell ref="AL2:AN3"/>
    <mergeCell ref="W3:AB3"/>
    <mergeCell ref="AC3:AH3"/>
    <mergeCell ref="AI3:AJ3"/>
    <mergeCell ref="W4:AB4"/>
    <mergeCell ref="AP2:AW3"/>
    <mergeCell ref="AY2:BD3"/>
    <mergeCell ref="BF2:BF3"/>
    <mergeCell ref="BG2:BG3"/>
    <mergeCell ref="BH2:BT3"/>
    <mergeCell ref="BU2:BU3"/>
    <mergeCell ref="BV2:BV3"/>
    <mergeCell ref="BW2:BW3"/>
    <mergeCell ref="BZ2:CF3"/>
    <mergeCell ref="CK2:CQ3"/>
    <mergeCell ref="CR2:DA4"/>
    <mergeCell ref="DB2:DH4"/>
    <mergeCell ref="BR4:BV5"/>
    <mergeCell ref="BW4:BW5"/>
    <mergeCell ref="DB5:DH8"/>
    <mergeCell ref="AC4:AH4"/>
    <mergeCell ref="AI4:AJ4"/>
    <mergeCell ref="AK4:AO4"/>
    <mergeCell ref="AP4:AU4"/>
    <mergeCell ref="AV4:AW4"/>
    <mergeCell ref="AX4:BC4"/>
    <mergeCell ref="BD4:BE4"/>
    <mergeCell ref="BG4:BH5"/>
    <mergeCell ref="BJ4:BJ5"/>
    <mergeCell ref="BK4:BO5"/>
    <mergeCell ref="BP4:BP5"/>
    <mergeCell ref="BQ4:BQ5"/>
    <mergeCell ref="AV5:AW5"/>
    <mergeCell ref="AX5:BC5"/>
    <mergeCell ref="BD5:BE5"/>
    <mergeCell ref="BZ5:CF5"/>
    <mergeCell ref="CK5:CQ5"/>
    <mergeCell ref="CR5:DA8"/>
    <mergeCell ref="U5:AB5"/>
    <mergeCell ref="AC5:AH5"/>
    <mergeCell ref="AI5:AJ5"/>
    <mergeCell ref="AK5:AO5"/>
    <mergeCell ref="AP5:AU5"/>
    <mergeCell ref="U6:AB6"/>
    <mergeCell ref="AC6:AH6"/>
    <mergeCell ref="AI6:AJ6"/>
    <mergeCell ref="AK6:AO6"/>
    <mergeCell ref="BQ6:BW6"/>
    <mergeCell ref="AP6:AU6"/>
    <mergeCell ref="AV6:AW6"/>
    <mergeCell ref="AX6:BC6"/>
    <mergeCell ref="BD6:BE6"/>
    <mergeCell ref="BF6:BI7"/>
    <mergeCell ref="BJ6:BP6"/>
    <mergeCell ref="B7:B8"/>
    <mergeCell ref="C7:C8"/>
    <mergeCell ref="D7:D8"/>
    <mergeCell ref="E7:E8"/>
    <mergeCell ref="F7:S8"/>
    <mergeCell ref="T7:T8"/>
    <mergeCell ref="U7:U8"/>
    <mergeCell ref="V7:V8"/>
    <mergeCell ref="W7:W8"/>
    <mergeCell ref="X7:AF8"/>
    <mergeCell ref="AG7:AG8"/>
    <mergeCell ref="AH7:AH8"/>
    <mergeCell ref="AI7:AI8"/>
    <mergeCell ref="AJ7:AJ8"/>
    <mergeCell ref="BJ7:BP7"/>
    <mergeCell ref="BQ7:BW7"/>
    <mergeCell ref="D5:Q6"/>
    <mergeCell ref="BZ7:CF7"/>
    <mergeCell ref="CK7:CQ7"/>
    <mergeCell ref="BF8:BI9"/>
    <mergeCell ref="BJ8:BP8"/>
    <mergeCell ref="BQ8:BW8"/>
    <mergeCell ref="BQ9:BW9"/>
    <mergeCell ref="D9:J10"/>
    <mergeCell ref="N9:S10"/>
    <mergeCell ref="U9:X10"/>
    <mergeCell ref="Y9:AF10"/>
    <mergeCell ref="AG9:AJ10"/>
    <mergeCell ref="BJ9:BP9"/>
    <mergeCell ref="CA9:CK10"/>
    <mergeCell ref="CO9:CX10"/>
    <mergeCell ref="B16:L16"/>
    <mergeCell ref="M16:T16"/>
    <mergeCell ref="U16:X16"/>
    <mergeCell ref="Y16:AF16"/>
    <mergeCell ref="CY9:DH10"/>
    <mergeCell ref="BF10:BI11"/>
    <mergeCell ref="BJ10:BP10"/>
    <mergeCell ref="BQ10:BW10"/>
    <mergeCell ref="BQ11:BW11"/>
    <mergeCell ref="BX11:BY11"/>
    <mergeCell ref="BZ11:CN11"/>
    <mergeCell ref="CO11:CX11"/>
    <mergeCell ref="B11:L11"/>
    <mergeCell ref="M11:T11"/>
    <mergeCell ref="U11:X11"/>
    <mergeCell ref="Y11:AF11"/>
    <mergeCell ref="AG11:AJ11"/>
    <mergeCell ref="BJ11:BP11"/>
    <mergeCell ref="CY11:DH11"/>
    <mergeCell ref="BZ12:CN12"/>
    <mergeCell ref="CO12:CX12"/>
    <mergeCell ref="CY12:DH12"/>
    <mergeCell ref="B13:L13"/>
    <mergeCell ref="M13:T13"/>
    <mergeCell ref="U13:X13"/>
    <mergeCell ref="Y13:AF13"/>
    <mergeCell ref="AG13:AJ13"/>
    <mergeCell ref="BZ13:CN13"/>
    <mergeCell ref="CO13:CX13"/>
    <mergeCell ref="CY13:DH13"/>
    <mergeCell ref="B12:L12"/>
    <mergeCell ref="M12:T12"/>
    <mergeCell ref="U12:X12"/>
    <mergeCell ref="Y12:AF12"/>
    <mergeCell ref="AG12:AJ12"/>
    <mergeCell ref="AN12:BB13"/>
    <mergeCell ref="BE12:BM13"/>
    <mergeCell ref="BQ12:BW13"/>
    <mergeCell ref="BX12:BY19"/>
    <mergeCell ref="B14:L14"/>
    <mergeCell ref="M14:T14"/>
    <mergeCell ref="U14:X14"/>
    <mergeCell ref="Y14:AF14"/>
    <mergeCell ref="BZ14:CN14"/>
    <mergeCell ref="CO14:CX14"/>
    <mergeCell ref="CY14:DH14"/>
    <mergeCell ref="B15:L15"/>
    <mergeCell ref="M15:T15"/>
    <mergeCell ref="U15:X15"/>
    <mergeCell ref="Y15:AF15"/>
    <mergeCell ref="AG15:AJ15"/>
    <mergeCell ref="BQ15:BU15"/>
    <mergeCell ref="BV15:BW15"/>
    <mergeCell ref="BZ15:CN15"/>
    <mergeCell ref="CO15:CX15"/>
    <mergeCell ref="CY15:DH15"/>
    <mergeCell ref="AG14:AJ14"/>
    <mergeCell ref="AM14:AT15"/>
    <mergeCell ref="AX14:BD15"/>
    <mergeCell ref="BF14:BI15"/>
    <mergeCell ref="BK14:BO15"/>
    <mergeCell ref="BQ14:BU14"/>
    <mergeCell ref="BV14:BW14"/>
    <mergeCell ref="CY16:DH16"/>
    <mergeCell ref="B17:L17"/>
    <mergeCell ref="M17:T17"/>
    <mergeCell ref="U17:X17"/>
    <mergeCell ref="Y17:AF17"/>
    <mergeCell ref="AG17:AJ17"/>
    <mergeCell ref="AL17:AV17"/>
    <mergeCell ref="AW17:BE17"/>
    <mergeCell ref="BF17:BI17"/>
    <mergeCell ref="BJ17:BP17"/>
    <mergeCell ref="BQ17:BU17"/>
    <mergeCell ref="BV17:BW17"/>
    <mergeCell ref="BZ17:CN17"/>
    <mergeCell ref="CO17:CX17"/>
    <mergeCell ref="CY17:DH17"/>
    <mergeCell ref="AG16:AJ16"/>
    <mergeCell ref="AK16:AV16"/>
    <mergeCell ref="AW16:BE16"/>
    <mergeCell ref="BF16:BI16"/>
    <mergeCell ref="BJ16:BP16"/>
    <mergeCell ref="BQ16:BU16"/>
    <mergeCell ref="BV16:BW16"/>
    <mergeCell ref="BZ16:CN16"/>
    <mergeCell ref="CO16:CX16"/>
    <mergeCell ref="BV18:BW18"/>
    <mergeCell ref="BZ18:CN18"/>
    <mergeCell ref="CO18:CX18"/>
    <mergeCell ref="CY18:DH18"/>
    <mergeCell ref="B19:L19"/>
    <mergeCell ref="M19:T19"/>
    <mergeCell ref="U19:X19"/>
    <mergeCell ref="Y19:AF19"/>
    <mergeCell ref="AG19:AJ19"/>
    <mergeCell ref="BQ19:BU19"/>
    <mergeCell ref="BJ19:BP19"/>
    <mergeCell ref="B18:L18"/>
    <mergeCell ref="M18:T18"/>
    <mergeCell ref="U18:X18"/>
    <mergeCell ref="Y18:AF18"/>
    <mergeCell ref="AG18:AJ18"/>
    <mergeCell ref="AM18:AV18"/>
    <mergeCell ref="AW18:BE18"/>
    <mergeCell ref="BF18:BI18"/>
    <mergeCell ref="BJ18:BP18"/>
    <mergeCell ref="AW20:BE20"/>
    <mergeCell ref="BF20:BI20"/>
    <mergeCell ref="BJ20:BP20"/>
    <mergeCell ref="BQ20:BU20"/>
    <mergeCell ref="BQ18:BU18"/>
    <mergeCell ref="BZ19:CN19"/>
    <mergeCell ref="CO19:CX19"/>
    <mergeCell ref="CY19:DH19"/>
    <mergeCell ref="B20:L20"/>
    <mergeCell ref="M20:T20"/>
    <mergeCell ref="U20:X20"/>
    <mergeCell ref="Y20:AF20"/>
    <mergeCell ref="AG20:AJ20"/>
    <mergeCell ref="AN20:AV20"/>
    <mergeCell ref="AK19:AK22"/>
    <mergeCell ref="B21:L21"/>
    <mergeCell ref="M21:T21"/>
    <mergeCell ref="U21:X21"/>
    <mergeCell ref="Y21:AF21"/>
    <mergeCell ref="AG21:AJ21"/>
    <mergeCell ref="BV19:BW19"/>
    <mergeCell ref="AN19:AV19"/>
    <mergeCell ref="AW19:BE19"/>
    <mergeCell ref="BF19:BI19"/>
    <mergeCell ref="BV20:BW20"/>
    <mergeCell ref="BX20:BY20"/>
    <mergeCell ref="BZ20:CN20"/>
    <mergeCell ref="CO20:CX20"/>
    <mergeCell ref="CY20:DH20"/>
    <mergeCell ref="CO21:CS22"/>
    <mergeCell ref="CT21:CY22"/>
    <mergeCell ref="CZ21:DH22"/>
    <mergeCell ref="CA21:CK22"/>
    <mergeCell ref="B22:L22"/>
    <mergeCell ref="M22:T22"/>
    <mergeCell ref="U22:X22"/>
    <mergeCell ref="Y22:AF22"/>
    <mergeCell ref="AG22:AJ22"/>
    <mergeCell ref="AN22:AV22"/>
    <mergeCell ref="AN21:AV21"/>
    <mergeCell ref="B23:L23"/>
    <mergeCell ref="M23:T23"/>
    <mergeCell ref="U23:X23"/>
    <mergeCell ref="Y23:AF23"/>
    <mergeCell ref="AG23:AJ23"/>
    <mergeCell ref="AW21:BE21"/>
    <mergeCell ref="BF21:BI21"/>
    <mergeCell ref="BJ21:BP21"/>
    <mergeCell ref="BQ21:BU21"/>
    <mergeCell ref="BQ23:BU23"/>
    <mergeCell ref="BV23:BW23"/>
    <mergeCell ref="AW22:BE22"/>
    <mergeCell ref="BF22:BI22"/>
    <mergeCell ref="BJ22:BP22"/>
    <mergeCell ref="BQ22:BU22"/>
    <mergeCell ref="BV22:BW22"/>
    <mergeCell ref="BV21:BW21"/>
    <mergeCell ref="CO23:CS23"/>
    <mergeCell ref="CT23:CY23"/>
    <mergeCell ref="CZ23:DH23"/>
    <mergeCell ref="B24:L24"/>
    <mergeCell ref="M24:T24"/>
    <mergeCell ref="U24:X24"/>
    <mergeCell ref="Y24:AF24"/>
    <mergeCell ref="AG24:AJ24"/>
    <mergeCell ref="AM23:AV23"/>
    <mergeCell ref="AW23:BE23"/>
    <mergeCell ref="AN24:AV24"/>
    <mergeCell ref="AW24:BE24"/>
    <mergeCell ref="BF24:BI24"/>
    <mergeCell ref="BJ24:BP24"/>
    <mergeCell ref="BQ24:BU24"/>
    <mergeCell ref="BV24:BW24"/>
    <mergeCell ref="CA24:CN24"/>
    <mergeCell ref="CO24:CS24"/>
    <mergeCell ref="CT24:CY24"/>
    <mergeCell ref="CZ24:DH24"/>
    <mergeCell ref="B25:B27"/>
    <mergeCell ref="C25:L25"/>
    <mergeCell ref="M25:T25"/>
    <mergeCell ref="U25:X25"/>
    <mergeCell ref="Y25:AF25"/>
    <mergeCell ref="AG25:AJ25"/>
    <mergeCell ref="AM25:AV25"/>
    <mergeCell ref="AW25:BE25"/>
    <mergeCell ref="BF25:BI25"/>
    <mergeCell ref="BJ25:BP25"/>
    <mergeCell ref="BQ25:BU25"/>
    <mergeCell ref="BV25:BW25"/>
    <mergeCell ref="CA25:CN25"/>
    <mergeCell ref="CO25:CS25"/>
    <mergeCell ref="CT25:CY25"/>
    <mergeCell ref="CZ25:DH25"/>
    <mergeCell ref="C26:L26"/>
    <mergeCell ref="M26:T26"/>
    <mergeCell ref="U26:X26"/>
    <mergeCell ref="Y26:AF26"/>
    <mergeCell ref="AG26:AJ26"/>
    <mergeCell ref="AM26:AV26"/>
    <mergeCell ref="AW26:BE26"/>
    <mergeCell ref="BF26:BI26"/>
    <mergeCell ref="BJ26:BP26"/>
    <mergeCell ref="BQ26:BU26"/>
    <mergeCell ref="BV26:BW26"/>
    <mergeCell ref="BZ26:CN26"/>
    <mergeCell ref="BX23:BY28"/>
    <mergeCell ref="BZ23:CN23"/>
    <mergeCell ref="BF23:BI23"/>
    <mergeCell ref="BJ23:BP23"/>
    <mergeCell ref="CO26:CS26"/>
    <mergeCell ref="AM28:AV28"/>
    <mergeCell ref="AW28:BE28"/>
    <mergeCell ref="BF28:BI28"/>
    <mergeCell ref="BJ28:BP28"/>
    <mergeCell ref="CT26:CY26"/>
    <mergeCell ref="CZ26:DH26"/>
    <mergeCell ref="C27:L27"/>
    <mergeCell ref="M27:T27"/>
    <mergeCell ref="U27:X27"/>
    <mergeCell ref="Y27:AF27"/>
    <mergeCell ref="AG27:AJ27"/>
    <mergeCell ref="AM27:AV27"/>
    <mergeCell ref="AW27:BE27"/>
    <mergeCell ref="BF27:BI27"/>
    <mergeCell ref="BJ27:BP27"/>
    <mergeCell ref="BQ27:BU27"/>
    <mergeCell ref="BV27:BW27"/>
    <mergeCell ref="BZ27:CN27"/>
    <mergeCell ref="CO27:CS27"/>
    <mergeCell ref="CT27:CY27"/>
    <mergeCell ref="CZ27:DH27"/>
    <mergeCell ref="BQ28:BU28"/>
    <mergeCell ref="BV28:BW28"/>
    <mergeCell ref="BZ28:CN28"/>
    <mergeCell ref="CO28:CS28"/>
    <mergeCell ref="CT28:CY28"/>
    <mergeCell ref="CZ28:DH28"/>
    <mergeCell ref="B29:L29"/>
    <mergeCell ref="M29:T29"/>
    <mergeCell ref="U29:X29"/>
    <mergeCell ref="Y29:AF29"/>
    <mergeCell ref="AG29:AJ29"/>
    <mergeCell ref="AL29:AV29"/>
    <mergeCell ref="AW29:BE29"/>
    <mergeCell ref="BF29:BI29"/>
    <mergeCell ref="BJ29:BP29"/>
    <mergeCell ref="BQ29:BU29"/>
    <mergeCell ref="BV29:BW29"/>
    <mergeCell ref="BX29:CN29"/>
    <mergeCell ref="CO29:DH29"/>
    <mergeCell ref="B28:L28"/>
    <mergeCell ref="M28:T28"/>
    <mergeCell ref="U28:X28"/>
    <mergeCell ref="Y28:AF28"/>
    <mergeCell ref="AG28:AJ28"/>
    <mergeCell ref="B30:L30"/>
    <mergeCell ref="M30:T30"/>
    <mergeCell ref="U30:X30"/>
    <mergeCell ref="Y30:AF30"/>
    <mergeCell ref="AG30:AJ30"/>
    <mergeCell ref="AK30:AV30"/>
    <mergeCell ref="AW30:BE30"/>
    <mergeCell ref="BF30:BI30"/>
    <mergeCell ref="BJ30:BP30"/>
    <mergeCell ref="BQ30:CD31"/>
    <mergeCell ref="CE30:CE31"/>
    <mergeCell ref="CF30:CM31"/>
    <mergeCell ref="AW31:BE31"/>
    <mergeCell ref="BF31:BI31"/>
    <mergeCell ref="BJ31:BP31"/>
    <mergeCell ref="CN30:CN31"/>
    <mergeCell ref="CO30:CS31"/>
    <mergeCell ref="CT30:CY31"/>
    <mergeCell ref="CZ30:DH31"/>
    <mergeCell ref="B31:L31"/>
    <mergeCell ref="M31:T31"/>
    <mergeCell ref="U31:X31"/>
    <mergeCell ref="Y31:AF31"/>
    <mergeCell ref="AG31:AJ31"/>
    <mergeCell ref="AL31:AV31"/>
    <mergeCell ref="B32:L32"/>
    <mergeCell ref="M32:T32"/>
    <mergeCell ref="U32:X32"/>
    <mergeCell ref="Y32:AF32"/>
    <mergeCell ref="AG32:AJ32"/>
    <mergeCell ref="AK32:AK35"/>
    <mergeCell ref="B33:L33"/>
    <mergeCell ref="M33:T33"/>
    <mergeCell ref="U33:X33"/>
    <mergeCell ref="Y33:AF33"/>
    <mergeCell ref="AM32:AV32"/>
    <mergeCell ref="AW32:BE32"/>
    <mergeCell ref="BF32:BI32"/>
    <mergeCell ref="BJ32:BP32"/>
    <mergeCell ref="BQ32:BU32"/>
    <mergeCell ref="BV32:BW32"/>
    <mergeCell ref="BX32:CB32"/>
    <mergeCell ref="CT32:CY32"/>
    <mergeCell ref="CZ32:DH32"/>
    <mergeCell ref="AG33:AJ33"/>
    <mergeCell ref="AM33:AV33"/>
    <mergeCell ref="AW33:BE33"/>
    <mergeCell ref="BF33:BI33"/>
    <mergeCell ref="BJ33:BP33"/>
    <mergeCell ref="BQ33:BU33"/>
    <mergeCell ref="BV33:BW33"/>
    <mergeCell ref="BX33:CB33"/>
    <mergeCell ref="CC33:CD33"/>
    <mergeCell ref="CE33:CN33"/>
    <mergeCell ref="CO33:CS33"/>
    <mergeCell ref="CT33:CY33"/>
    <mergeCell ref="CZ33:DH33"/>
    <mergeCell ref="Y34:AF35"/>
    <mergeCell ref="AG34:AJ35"/>
    <mergeCell ref="AM34:AV34"/>
    <mergeCell ref="AW34:BE34"/>
    <mergeCell ref="BF34:BI34"/>
    <mergeCell ref="BJ34:BP34"/>
    <mergeCell ref="CC32:CD32"/>
    <mergeCell ref="CE32:CN32"/>
    <mergeCell ref="CO32:CS32"/>
    <mergeCell ref="BQ34:BU34"/>
    <mergeCell ref="BV34:BW34"/>
    <mergeCell ref="BX34:CB34"/>
    <mergeCell ref="CC34:CD34"/>
    <mergeCell ref="CE34:CN34"/>
    <mergeCell ref="CO34:CS34"/>
    <mergeCell ref="CT34:CY34"/>
    <mergeCell ref="CZ34:DH34"/>
    <mergeCell ref="B35:L35"/>
    <mergeCell ref="AM35:AV35"/>
    <mergeCell ref="AW35:BE35"/>
    <mergeCell ref="BF35:BI35"/>
    <mergeCell ref="BJ35:BP35"/>
    <mergeCell ref="BQ35:BU35"/>
    <mergeCell ref="BV35:BW35"/>
    <mergeCell ref="BX35:CB35"/>
    <mergeCell ref="CC35:CD35"/>
    <mergeCell ref="CE35:CN35"/>
    <mergeCell ref="CO35:CS35"/>
    <mergeCell ref="CT35:CY35"/>
    <mergeCell ref="CZ35:DH35"/>
    <mergeCell ref="B34:L34"/>
    <mergeCell ref="M34:T35"/>
    <mergeCell ref="U34:X35"/>
    <mergeCell ref="B36:L36"/>
    <mergeCell ref="M36:T36"/>
    <mergeCell ref="U36:X36"/>
    <mergeCell ref="Y36:AF36"/>
    <mergeCell ref="AG36:AJ36"/>
    <mergeCell ref="AL36:AV36"/>
    <mergeCell ref="AW36:BE36"/>
    <mergeCell ref="BF36:BI36"/>
    <mergeCell ref="BJ36:BP36"/>
    <mergeCell ref="BQ36:BU36"/>
    <mergeCell ref="BV36:BW36"/>
    <mergeCell ref="BX36:CB36"/>
    <mergeCell ref="CC36:CD36"/>
    <mergeCell ref="CE36:CN36"/>
    <mergeCell ref="CO36:CS36"/>
    <mergeCell ref="CT36:CY36"/>
    <mergeCell ref="CZ36:DH36"/>
    <mergeCell ref="B37:L37"/>
    <mergeCell ref="M37:T37"/>
    <mergeCell ref="U37:X37"/>
    <mergeCell ref="Y37:AF37"/>
    <mergeCell ref="AG37:AJ37"/>
    <mergeCell ref="AK37:AV37"/>
    <mergeCell ref="AW37:BE37"/>
    <mergeCell ref="BF37:BI37"/>
    <mergeCell ref="BJ37:BP37"/>
    <mergeCell ref="BQ37:BU37"/>
    <mergeCell ref="BV37:BW37"/>
    <mergeCell ref="BX37:CB37"/>
    <mergeCell ref="CC37:CD37"/>
    <mergeCell ref="CE37:CN37"/>
    <mergeCell ref="CO37:CS37"/>
    <mergeCell ref="CT37:CY37"/>
    <mergeCell ref="CZ37:DH37"/>
    <mergeCell ref="B38:L38"/>
    <mergeCell ref="M38:T38"/>
    <mergeCell ref="U38:X38"/>
    <mergeCell ref="Y38:AF38"/>
    <mergeCell ref="AG38:AJ38"/>
    <mergeCell ref="AK38:AV38"/>
    <mergeCell ref="AW38:BE38"/>
    <mergeCell ref="BF38:BI38"/>
    <mergeCell ref="BJ38:BP38"/>
    <mergeCell ref="BQ38:BU38"/>
    <mergeCell ref="BV38:BW38"/>
    <mergeCell ref="BX38:CB38"/>
    <mergeCell ref="CC38:CD38"/>
    <mergeCell ref="CE38:CN38"/>
    <mergeCell ref="CO38:CS38"/>
    <mergeCell ref="CT38:CY38"/>
    <mergeCell ref="CZ38:DH38"/>
    <mergeCell ref="B39:L39"/>
    <mergeCell ref="M39:T39"/>
    <mergeCell ref="U39:X39"/>
    <mergeCell ref="Y39:AF39"/>
    <mergeCell ref="AG39:AJ39"/>
    <mergeCell ref="B40:L40"/>
    <mergeCell ref="M40:T40"/>
    <mergeCell ref="U40:X40"/>
    <mergeCell ref="Y40:AF40"/>
    <mergeCell ref="AG40:AJ40"/>
    <mergeCell ref="B41:L41"/>
    <mergeCell ref="M41:T41"/>
    <mergeCell ref="U41:X41"/>
    <mergeCell ref="Y41:AF41"/>
    <mergeCell ref="AG41:AJ41"/>
    <mergeCell ref="B42:L42"/>
    <mergeCell ref="M42:T42"/>
    <mergeCell ref="U42:X42"/>
    <mergeCell ref="Y42:AF42"/>
    <mergeCell ref="AG42:AJ42"/>
    <mergeCell ref="C43:L43"/>
    <mergeCell ref="M43:T43"/>
    <mergeCell ref="U43:X43"/>
    <mergeCell ref="Y43:AF43"/>
    <mergeCell ref="AG43:AJ43"/>
    <mergeCell ref="C44:L44"/>
    <mergeCell ref="M44:T44"/>
    <mergeCell ref="U44:X44"/>
    <mergeCell ref="Y44:AF44"/>
    <mergeCell ref="AG44:AJ44"/>
    <mergeCell ref="B45:L45"/>
    <mergeCell ref="M45:T45"/>
    <mergeCell ref="U45:X45"/>
    <mergeCell ref="Y45:AF45"/>
    <mergeCell ref="AG45:AJ45"/>
    <mergeCell ref="E46:AB47"/>
    <mergeCell ref="AH46:AP47"/>
    <mergeCell ref="AZ46:BS47"/>
    <mergeCell ref="BV46:CC47"/>
    <mergeCell ref="CH46:CP47"/>
    <mergeCell ref="CS46:CZ47"/>
    <mergeCell ref="DA46:DH47"/>
    <mergeCell ref="D48:J48"/>
    <mergeCell ref="N48:S48"/>
    <mergeCell ref="U48:X48"/>
    <mergeCell ref="Y48:AF48"/>
    <mergeCell ref="AG48:AP48"/>
    <mergeCell ref="AQ48:AV48"/>
    <mergeCell ref="AX48:BD49"/>
    <mergeCell ref="BG48:BK49"/>
    <mergeCell ref="BM48:BP49"/>
    <mergeCell ref="BQ48:BR48"/>
    <mergeCell ref="BS48:BW48"/>
    <mergeCell ref="AQ49:AV49"/>
    <mergeCell ref="BR49:BX49"/>
    <mergeCell ref="BX48:BY48"/>
    <mergeCell ref="CA48:CD48"/>
    <mergeCell ref="CF48:CR48"/>
    <mergeCell ref="CS48:CZ48"/>
    <mergeCell ref="DA48:DH48"/>
    <mergeCell ref="B49:L49"/>
    <mergeCell ref="M49:T49"/>
    <mergeCell ref="U49:X49"/>
    <mergeCell ref="DA49:DH49"/>
    <mergeCell ref="C50:L50"/>
    <mergeCell ref="M50:T50"/>
    <mergeCell ref="U50:X50"/>
    <mergeCell ref="Y50:AF50"/>
    <mergeCell ref="AG50:AP50"/>
    <mergeCell ref="AQ50:AV50"/>
    <mergeCell ref="AW50:BE50"/>
    <mergeCell ref="BF50:BL50"/>
    <mergeCell ref="BM50:BP50"/>
    <mergeCell ref="BQ50:BY50"/>
    <mergeCell ref="BZ50:CE50"/>
    <mergeCell ref="CF50:CR50"/>
    <mergeCell ref="CS50:CZ50"/>
    <mergeCell ref="DA50:DH50"/>
    <mergeCell ref="AQ51:AV51"/>
    <mergeCell ref="AW51:BE51"/>
    <mergeCell ref="BF51:BL51"/>
    <mergeCell ref="BM51:BP51"/>
    <mergeCell ref="Y49:AF49"/>
    <mergeCell ref="AG49:AP49"/>
    <mergeCell ref="BZ49:CE49"/>
    <mergeCell ref="CF49:CR49"/>
    <mergeCell ref="CS49:CZ49"/>
    <mergeCell ref="BQ51:BY51"/>
    <mergeCell ref="BZ51:CE51"/>
    <mergeCell ref="CF51:CR51"/>
    <mergeCell ref="CS51:CZ51"/>
    <mergeCell ref="DA51:DH51"/>
    <mergeCell ref="B52:L52"/>
    <mergeCell ref="M52:T52"/>
    <mergeCell ref="U52:X52"/>
    <mergeCell ref="Y52:AF52"/>
    <mergeCell ref="AG52:AP52"/>
    <mergeCell ref="AQ52:AV52"/>
    <mergeCell ref="AW52:BE52"/>
    <mergeCell ref="BF52:BL52"/>
    <mergeCell ref="BM52:BP52"/>
    <mergeCell ref="BQ52:BY52"/>
    <mergeCell ref="BZ52:CE52"/>
    <mergeCell ref="CF52:CR52"/>
    <mergeCell ref="CS52:CZ52"/>
    <mergeCell ref="DA52:DH52"/>
    <mergeCell ref="B51:L51"/>
    <mergeCell ref="M51:T51"/>
    <mergeCell ref="U51:X51"/>
    <mergeCell ref="Y51:AF51"/>
    <mergeCell ref="AG51:AP51"/>
    <mergeCell ref="B53:B55"/>
    <mergeCell ref="C53:H54"/>
    <mergeCell ref="I53:I54"/>
    <mergeCell ref="J53:L53"/>
    <mergeCell ref="M53:T53"/>
    <mergeCell ref="U53:X53"/>
    <mergeCell ref="Y53:AF53"/>
    <mergeCell ref="AG53:AP53"/>
    <mergeCell ref="AQ53:AV53"/>
    <mergeCell ref="J54:L54"/>
    <mergeCell ref="M54:T54"/>
    <mergeCell ref="U54:X54"/>
    <mergeCell ref="Y54:AF54"/>
    <mergeCell ref="AG54:AP54"/>
    <mergeCell ref="AQ54:AV54"/>
    <mergeCell ref="C55:L55"/>
    <mergeCell ref="M55:T55"/>
    <mergeCell ref="U55:X55"/>
    <mergeCell ref="Y55:AF55"/>
    <mergeCell ref="AG55:AP55"/>
    <mergeCell ref="AQ55:AV55"/>
    <mergeCell ref="CQ54:CR54"/>
    <mergeCell ref="CS54:CZ54"/>
    <mergeCell ref="DA54:DH54"/>
    <mergeCell ref="AW53:BE53"/>
    <mergeCell ref="BF53:BL53"/>
    <mergeCell ref="BM53:BP53"/>
    <mergeCell ref="BQ53:BY53"/>
    <mergeCell ref="BZ53:CE53"/>
    <mergeCell ref="CF53:CP53"/>
    <mergeCell ref="CQ53:CR53"/>
    <mergeCell ref="CS53:CZ53"/>
    <mergeCell ref="DA53:DH53"/>
    <mergeCell ref="BF56:BL56"/>
    <mergeCell ref="BM56:BP56"/>
    <mergeCell ref="BQ56:BY56"/>
    <mergeCell ref="BZ56:CE56"/>
    <mergeCell ref="BQ57:BY57"/>
    <mergeCell ref="BZ57:CE57"/>
    <mergeCell ref="CH57:CP57"/>
    <mergeCell ref="AW54:BE54"/>
    <mergeCell ref="BF54:BL54"/>
    <mergeCell ref="BM54:BP54"/>
    <mergeCell ref="BQ54:BY54"/>
    <mergeCell ref="BZ54:CE54"/>
    <mergeCell ref="CF54:CP54"/>
    <mergeCell ref="AW57:BE57"/>
    <mergeCell ref="BF57:BL57"/>
    <mergeCell ref="BM57:BP57"/>
    <mergeCell ref="CQ55:CR55"/>
    <mergeCell ref="CS55:CZ55"/>
    <mergeCell ref="DA55:DH55"/>
    <mergeCell ref="B56:L56"/>
    <mergeCell ref="M56:T56"/>
    <mergeCell ref="U56:X56"/>
    <mergeCell ref="Y56:AF56"/>
    <mergeCell ref="AG56:AP56"/>
    <mergeCell ref="AQ56:AV56"/>
    <mergeCell ref="AW56:BE56"/>
    <mergeCell ref="CH56:CP56"/>
    <mergeCell ref="CQ56:CR56"/>
    <mergeCell ref="CS56:CZ56"/>
    <mergeCell ref="DA56:DH56"/>
    <mergeCell ref="AW55:BE55"/>
    <mergeCell ref="BF55:BL55"/>
    <mergeCell ref="BM55:BP55"/>
    <mergeCell ref="BQ55:BY55"/>
    <mergeCell ref="BZ55:CE55"/>
    <mergeCell ref="CF55:CG58"/>
    <mergeCell ref="CH55:CP55"/>
    <mergeCell ref="CQ57:CR57"/>
    <mergeCell ref="CS57:CZ57"/>
    <mergeCell ref="DA57:DH57"/>
    <mergeCell ref="B58:L58"/>
    <mergeCell ref="M58:T58"/>
    <mergeCell ref="U58:X58"/>
    <mergeCell ref="Y58:AF58"/>
    <mergeCell ref="AG58:AP58"/>
    <mergeCell ref="AQ58:AV58"/>
    <mergeCell ref="AW58:BE58"/>
    <mergeCell ref="BF58:BL58"/>
    <mergeCell ref="BM58:BP58"/>
    <mergeCell ref="BQ58:BY58"/>
    <mergeCell ref="BZ58:CE58"/>
    <mergeCell ref="CH58:CP58"/>
    <mergeCell ref="CQ58:CR58"/>
    <mergeCell ref="CS58:CZ58"/>
    <mergeCell ref="DA58:DH58"/>
    <mergeCell ref="B57:L57"/>
    <mergeCell ref="M57:T57"/>
    <mergeCell ref="U57:X57"/>
    <mergeCell ref="Y57:AF57"/>
    <mergeCell ref="AG57:AP57"/>
    <mergeCell ref="AQ57:AV57"/>
    <mergeCell ref="CK60:CR60"/>
    <mergeCell ref="CS60:CZ60"/>
    <mergeCell ref="BQ61:BY61"/>
    <mergeCell ref="BZ61:CE61"/>
    <mergeCell ref="CK61:CR61"/>
    <mergeCell ref="CS61:CZ61"/>
    <mergeCell ref="B59:L59"/>
    <mergeCell ref="M59:T59"/>
    <mergeCell ref="U59:X59"/>
    <mergeCell ref="Y59:AF59"/>
    <mergeCell ref="AG59:AP59"/>
    <mergeCell ref="AQ59:AV59"/>
    <mergeCell ref="AW59:BE59"/>
    <mergeCell ref="BF59:BL59"/>
    <mergeCell ref="BM59:BP59"/>
    <mergeCell ref="Y61:AF61"/>
    <mergeCell ref="AG61:AP61"/>
    <mergeCell ref="AQ61:AV61"/>
    <mergeCell ref="AW61:BE61"/>
    <mergeCell ref="BF61:BL61"/>
    <mergeCell ref="BM61:BP61"/>
    <mergeCell ref="DA59:DH59"/>
    <mergeCell ref="C60:L60"/>
    <mergeCell ref="M60:T60"/>
    <mergeCell ref="U60:X60"/>
    <mergeCell ref="Y60:AF60"/>
    <mergeCell ref="AG60:AP60"/>
    <mergeCell ref="AQ60:AV60"/>
    <mergeCell ref="AW60:BE60"/>
    <mergeCell ref="BF60:BL60"/>
    <mergeCell ref="BM60:BP60"/>
    <mergeCell ref="DA60:DH60"/>
    <mergeCell ref="BQ59:BY59"/>
    <mergeCell ref="BZ59:CE59"/>
    <mergeCell ref="CF59:CJ61"/>
    <mergeCell ref="CK59:CR59"/>
    <mergeCell ref="CS59:CZ59"/>
    <mergeCell ref="BQ60:BY60"/>
    <mergeCell ref="BZ60:CE60"/>
    <mergeCell ref="Y63:AF63"/>
    <mergeCell ref="AG63:AP63"/>
    <mergeCell ref="AQ63:AV63"/>
    <mergeCell ref="AW63:BE63"/>
    <mergeCell ref="BF63:BL63"/>
    <mergeCell ref="BM63:BP63"/>
    <mergeCell ref="DA61:DH61"/>
    <mergeCell ref="B62:L62"/>
    <mergeCell ref="M62:T62"/>
    <mergeCell ref="U62:X62"/>
    <mergeCell ref="Y62:AF62"/>
    <mergeCell ref="AG62:AP62"/>
    <mergeCell ref="AQ62:AV62"/>
    <mergeCell ref="AW62:BE62"/>
    <mergeCell ref="BF62:BL62"/>
    <mergeCell ref="BM62:BP62"/>
    <mergeCell ref="BQ62:BY62"/>
    <mergeCell ref="BZ62:CE62"/>
    <mergeCell ref="CF62:CR62"/>
    <mergeCell ref="CS62:CZ62"/>
    <mergeCell ref="DA62:DH62"/>
    <mergeCell ref="B61:L61"/>
    <mergeCell ref="M61:T61"/>
    <mergeCell ref="U61:X61"/>
    <mergeCell ref="DA63:DH63"/>
    <mergeCell ref="B64:L64"/>
    <mergeCell ref="M64:T64"/>
    <mergeCell ref="U64:X64"/>
    <mergeCell ref="Y64:AF64"/>
    <mergeCell ref="AW64:BE64"/>
    <mergeCell ref="BF64:BL64"/>
    <mergeCell ref="BM64:BP64"/>
    <mergeCell ref="BQ64:BY64"/>
    <mergeCell ref="CS64:CZ64"/>
    <mergeCell ref="DA64:DH64"/>
    <mergeCell ref="BQ63:BY63"/>
    <mergeCell ref="BZ63:CE63"/>
    <mergeCell ref="CF63:CJ66"/>
    <mergeCell ref="CK63:CR63"/>
    <mergeCell ref="BZ64:CE64"/>
    <mergeCell ref="CK64:CR64"/>
    <mergeCell ref="BQ65:BY65"/>
    <mergeCell ref="BZ65:CE65"/>
    <mergeCell ref="CS63:CZ63"/>
    <mergeCell ref="CS65:CZ65"/>
    <mergeCell ref="B63:L63"/>
    <mergeCell ref="M63:T63"/>
    <mergeCell ref="U63:X63"/>
    <mergeCell ref="B65:L65"/>
    <mergeCell ref="M65:T65"/>
    <mergeCell ref="U65:X65"/>
    <mergeCell ref="Y65:AF65"/>
    <mergeCell ref="AH65:AV65"/>
    <mergeCell ref="AW65:BE65"/>
    <mergeCell ref="BF65:BL65"/>
    <mergeCell ref="BM65:BP65"/>
    <mergeCell ref="CK65:CR65"/>
    <mergeCell ref="DA65:DH65"/>
    <mergeCell ref="C66:L66"/>
    <mergeCell ref="M66:T66"/>
    <mergeCell ref="U66:X66"/>
    <mergeCell ref="Y66:AF66"/>
    <mergeCell ref="AH66:AS66"/>
    <mergeCell ref="AT66:AU66"/>
    <mergeCell ref="AW66:AX72"/>
    <mergeCell ref="AY66:BE66"/>
    <mergeCell ref="BF66:BK66"/>
    <mergeCell ref="BL66:BL72"/>
    <mergeCell ref="BM66:BM72"/>
    <mergeCell ref="BN66:BY66"/>
    <mergeCell ref="BZ66:CE66"/>
    <mergeCell ref="BN67:BY67"/>
    <mergeCell ref="BZ67:CE67"/>
    <mergeCell ref="AY68:BE68"/>
    <mergeCell ref="BF68:BK68"/>
    <mergeCell ref="CK66:CR66"/>
    <mergeCell ref="CS66:CZ66"/>
    <mergeCell ref="DA66:DH66"/>
    <mergeCell ref="C67:L67"/>
    <mergeCell ref="M67:T67"/>
    <mergeCell ref="U67:X67"/>
    <mergeCell ref="Y67:AF67"/>
    <mergeCell ref="AH67:AV67"/>
    <mergeCell ref="AY67:BE67"/>
    <mergeCell ref="BF67:BK67"/>
    <mergeCell ref="CF67:CR67"/>
    <mergeCell ref="CS67:CZ67"/>
    <mergeCell ref="DA67:DH67"/>
    <mergeCell ref="B68:B70"/>
    <mergeCell ref="D68:L68"/>
    <mergeCell ref="M68:T68"/>
    <mergeCell ref="U68:X68"/>
    <mergeCell ref="Y68:AF68"/>
    <mergeCell ref="AK68:AM68"/>
    <mergeCell ref="AR68:AT68"/>
    <mergeCell ref="BN68:BY68"/>
    <mergeCell ref="BZ68:CE68"/>
    <mergeCell ref="CF68:CR68"/>
    <mergeCell ref="CS68:CZ68"/>
    <mergeCell ref="DA68:DH68"/>
    <mergeCell ref="D69:L69"/>
    <mergeCell ref="M69:T69"/>
    <mergeCell ref="U69:X69"/>
    <mergeCell ref="Y69:AF69"/>
    <mergeCell ref="AL69:AV69"/>
    <mergeCell ref="AY69:BE69"/>
    <mergeCell ref="BF69:BK69"/>
    <mergeCell ref="BN69:BY69"/>
    <mergeCell ref="BZ69:CE69"/>
    <mergeCell ref="CF69:CG71"/>
    <mergeCell ref="CH69:CJ69"/>
    <mergeCell ref="AY70:BE70"/>
    <mergeCell ref="BF70:BK70"/>
    <mergeCell ref="BN70:BQ72"/>
    <mergeCell ref="BR70:BR72"/>
    <mergeCell ref="CK69:CR70"/>
    <mergeCell ref="CS69:CV70"/>
    <mergeCell ref="CW69:CZ70"/>
    <mergeCell ref="DA69:DD70"/>
    <mergeCell ref="DE69:DH70"/>
    <mergeCell ref="C70:L70"/>
    <mergeCell ref="M70:T70"/>
    <mergeCell ref="U70:X70"/>
    <mergeCell ref="Y70:AF70"/>
    <mergeCell ref="AL70:AV70"/>
    <mergeCell ref="BS70:BY70"/>
    <mergeCell ref="BZ70:CE70"/>
    <mergeCell ref="CH70:CH71"/>
    <mergeCell ref="CI70:CI71"/>
    <mergeCell ref="CJ70:CJ71"/>
    <mergeCell ref="C71:L71"/>
    <mergeCell ref="M71:T71"/>
    <mergeCell ref="U71:X71"/>
    <mergeCell ref="Y71:AF71"/>
    <mergeCell ref="AH71:AV71"/>
    <mergeCell ref="AY71:BE71"/>
    <mergeCell ref="BF71:BK71"/>
    <mergeCell ref="BS71:BY71"/>
    <mergeCell ref="BZ71:CE71"/>
    <mergeCell ref="CK71:CR71"/>
    <mergeCell ref="CS71:CV71"/>
    <mergeCell ref="CW71:CZ71"/>
    <mergeCell ref="DA71:DD71"/>
    <mergeCell ref="DE71:DH71"/>
    <mergeCell ref="B72:L72"/>
    <mergeCell ref="M72:T72"/>
    <mergeCell ref="U72:X72"/>
    <mergeCell ref="Y72:AF72"/>
    <mergeCell ref="AH72:AS72"/>
    <mergeCell ref="AT72:AU72"/>
    <mergeCell ref="AY72:BE72"/>
    <mergeCell ref="DA72:DD72"/>
    <mergeCell ref="DE72:DH72"/>
    <mergeCell ref="B76:CL76"/>
    <mergeCell ref="B77:CL77"/>
    <mergeCell ref="B78:CL78"/>
    <mergeCell ref="CS72:CV72"/>
    <mergeCell ref="CW72:CZ72"/>
    <mergeCell ref="CK72:CR72"/>
    <mergeCell ref="B73:CL73"/>
    <mergeCell ref="B74:CL74"/>
    <mergeCell ref="DE74:DH74"/>
    <mergeCell ref="BF72:BK72"/>
    <mergeCell ref="BS72:BY72"/>
    <mergeCell ref="BZ72:CE72"/>
    <mergeCell ref="CF72:CG72"/>
    <mergeCell ref="CH72:CJ72"/>
    <mergeCell ref="B75:CL75"/>
  </mergeCells>
  <phoneticPr fontId="1"/>
  <printOptions horizontalCentered="1" verticalCentered="1"/>
  <pageMargins left="0.19685039370078741" right="0.19685039370078741" top="0.19685039370078741" bottom="0.19685039370078741" header="0" footer="0"/>
  <pageSetup paperSize="9" scale="61" orientation="landscape"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2" baseType="variant">
      <vt:variant>
        <vt:lpstr>ワークシート</vt:lpstr>
      </vt:variant>
      <vt:variant>
        <vt:i4>1</vt:i4>
      </vt:variant>
    </vt:vector>
  </HeadingPairs>
  <TitlesOfParts>
    <vt:vector size="1" baseType="lpstr">
      <vt:lpstr>2大阪市</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0-02-13T02:40:17Z</dcterms:created>
  <dcterms:modified xsi:type="dcterms:W3CDTF">2020-04-06T02:49:14Z</dcterms:modified>
</cp:coreProperties>
</file>